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925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5219\Desktop\"/>
    </mc:Choice>
  </mc:AlternateContent>
  <xr:revisionPtr revIDLastSave="0" documentId="13_ncr:1_{CD993C62-F29B-4843-9FB7-3317ED45DEB1}" xr6:coauthVersionLast="47" xr6:coauthVersionMax="47" xr10:uidLastSave="{00000000-0000-0000-0000-000000000000}"/>
  <bookViews>
    <workbookView xWindow="-103" yWindow="-103" windowWidth="18720" windowHeight="11829" tabRatio="638" activeTab="1" xr2:uid="{00000000-000D-0000-FFFF-FFFF00000000}"/>
  </bookViews>
  <sheets>
    <sheet name="【調査票】　※入力シート" sheetId="14" r:id="rId1"/>
    <sheet name="（参考）回答例" sheetId="28" r:id="rId2"/>
    <sheet name="プルダウンリスト" sheetId="27" state="hidden" r:id="rId3"/>
    <sheet name="Sheet1" sheetId="21" state="hidden" r:id="rId4"/>
  </sheets>
  <definedNames>
    <definedName name="_xlnm._FilterDatabase" localSheetId="1" hidden="1">'（参考）回答例'!$AJ$1:$AW$4</definedName>
    <definedName name="_xlnm._FilterDatabase" localSheetId="0" hidden="1">'【調査票】　※入力シート'!$AJ$1:$AV$4</definedName>
    <definedName name="_xlnm.Print_Area" localSheetId="1">'（参考）回答例'!$A$1:$AW$20</definedName>
    <definedName name="クリーニング">プルダウンリスト!$Y$5</definedName>
    <definedName name="その他">プルダウンリスト!$S$18:$S$34</definedName>
    <definedName name="その他機械器具">プルダウンリスト!$K$5:$K$10</definedName>
    <definedName name="その他物品">プルダウンリスト!$W$5:$W$8</definedName>
    <definedName name="レンタル・リース">プルダウンリスト!$X$5:$X$14</definedName>
    <definedName name="衣類・生活用品">プルダウンリスト!$V$5:$V$8</definedName>
    <definedName name="医療">プルダウンリスト!$P$18:$P$23</definedName>
    <definedName name="医療・理化学機器">プルダウンリスト!$J$5:$J$9</definedName>
    <definedName name="印刷">プルダウンリスト!$G$5</definedName>
    <definedName name="運送・旅行">プルダウンリスト!$O$18:$O$26</definedName>
    <definedName name="家具・室内装飾">プルダウンリスト!$F$5:$F$6</definedName>
    <definedName name="企画・制作">プルダウンリスト!$N$18:$N$25</definedName>
    <definedName name="機器等保守点検">プルダウンリスト!$R$18:$R$23</definedName>
    <definedName name="給食">プルダウンリスト!$Q$18:$Q$21</definedName>
    <definedName name="教育・文化用品">プルダウンリスト!$U$5:$U$8</definedName>
    <definedName name="警察・消防用品">プルダウンリスト!$R$5:$R$6</definedName>
    <definedName name="警備・受付">プルダウンリスト!$K$18:$K$23</definedName>
    <definedName name="建材・資材">プルダウンリスト!$O$5:$O$12</definedName>
    <definedName name="建築設備保守点検">プルダウンリスト!$J$18:$J$37</definedName>
    <definedName name="施設管理">プルダウンリスト!$I$18:$I$26</definedName>
    <definedName name="写真・写真用品">プルダウンリスト!$I$5:$I$6</definedName>
    <definedName name="車両・船舶・航空機">プルダウンリスト!$L$5:$L$8</definedName>
    <definedName name="書籍">プルダウンリスト!$P$5</definedName>
    <definedName name="情報・通信">プルダウンリスト!$M$18:$M$25</definedName>
    <definedName name="情報通信・電気機器">プルダウンリスト!$H$5:$H$9</definedName>
    <definedName name="食料品">プルダウンリスト!$T$5</definedName>
    <definedName name="調査・測定">プルダウンリスト!$L$18:$L$23</definedName>
    <definedName name="動植物">プルダウンリスト!$S$5:$S$6</definedName>
    <definedName name="買受">プルダウンリスト!$Z$5:$Z$8</definedName>
    <definedName name="標識・広告用品">プルダウンリスト!$Q$5:$Q$6</definedName>
    <definedName name="物品">プルダウンリスト!$E$17:$E$38</definedName>
    <definedName name="役務">プルダウンリスト!$F$17:$F$27</definedName>
    <definedName name="薬品・衛生資材">プルダウンリスト!$M$5:$M$9</definedName>
    <definedName name="油・燃料">プルダウンリスト!$N$5:$N$8</definedName>
    <definedName name="用紙・文具・事務機器">プルダウンリスト!$E$5:$E$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403" i="21" l="1"/>
  <c r="F402" i="21"/>
  <c r="F401" i="21"/>
  <c r="F398" i="21"/>
  <c r="F397" i="21"/>
  <c r="F394" i="21"/>
  <c r="F393" i="21"/>
  <c r="F392" i="21"/>
  <c r="F391" i="21"/>
  <c r="F390" i="21"/>
  <c r="F389" i="21"/>
  <c r="F388" i="21"/>
  <c r="F387" i="21"/>
  <c r="F386" i="21"/>
  <c r="F385" i="21"/>
  <c r="F384" i="21"/>
  <c r="F383" i="21"/>
  <c r="F382" i="21"/>
  <c r="F381" i="21"/>
  <c r="F380" i="21"/>
  <c r="F377" i="21"/>
  <c r="F376" i="21"/>
  <c r="F375" i="21"/>
  <c r="F370" i="21"/>
  <c r="F369" i="21"/>
  <c r="F368" i="21"/>
  <c r="F367" i="21"/>
  <c r="F366" i="21"/>
  <c r="F365" i="21"/>
  <c r="F364" i="21"/>
  <c r="F363" i="21"/>
  <c r="F362" i="21"/>
  <c r="F361" i="21"/>
  <c r="F360" i="21"/>
  <c r="F359" i="21"/>
  <c r="F358" i="21"/>
  <c r="F357" i="21"/>
  <c r="F353" i="21"/>
  <c r="F352" i="21"/>
  <c r="F351" i="21"/>
  <c r="F347" i="21"/>
  <c r="F346" i="21"/>
  <c r="F345" i="21"/>
  <c r="F340" i="21"/>
  <c r="F336" i="21"/>
  <c r="F335" i="21"/>
  <c r="F334" i="21"/>
  <c r="F330" i="21"/>
  <c r="F329" i="21"/>
  <c r="F328" i="21"/>
  <c r="F327" i="21"/>
  <c r="F326" i="21"/>
  <c r="F325" i="21"/>
  <c r="F324" i="21"/>
  <c r="F320" i="21"/>
  <c r="F317" i="21"/>
  <c r="F316" i="21"/>
  <c r="F315" i="21"/>
  <c r="F314" i="21"/>
  <c r="F313" i="21"/>
  <c r="F309" i="21"/>
  <c r="F301" i="21"/>
  <c r="F300" i="21"/>
  <c r="F299" i="21"/>
  <c r="F296" i="21"/>
  <c r="F295" i="21"/>
  <c r="F294" i="21"/>
  <c r="F293" i="21"/>
  <c r="F292" i="21"/>
  <c r="F291" i="21"/>
  <c r="F287" i="21"/>
  <c r="F286" i="21"/>
  <c r="F285" i="21"/>
  <c r="F284" i="21"/>
  <c r="F281" i="21"/>
  <c r="F280" i="21"/>
  <c r="F279" i="21"/>
  <c r="F278" i="21"/>
  <c r="F277" i="21"/>
  <c r="F276" i="21"/>
  <c r="F275" i="21"/>
  <c r="F274" i="21"/>
  <c r="F273" i="21"/>
  <c r="F269" i="21"/>
  <c r="F266" i="21"/>
  <c r="F265" i="21"/>
  <c r="F261" i="21"/>
  <c r="F258" i="21"/>
  <c r="F257" i="21"/>
  <c r="F253" i="21"/>
  <c r="F252" i="21"/>
  <c r="F249" i="21"/>
  <c r="F248" i="21"/>
  <c r="F244" i="21"/>
  <c r="F243" i="21"/>
  <c r="F242" i="21"/>
  <c r="F236" i="21"/>
  <c r="F231" i="21"/>
  <c r="F228" i="21"/>
  <c r="F217" i="21"/>
  <c r="F183" i="21"/>
  <c r="F179" i="21"/>
  <c r="F174" i="21"/>
  <c r="F167" i="21"/>
  <c r="F160" i="21"/>
  <c r="F156" i="21"/>
  <c r="F137" i="21"/>
  <c r="F129" i="21"/>
  <c r="F115" i="21"/>
  <c r="F103" i="21"/>
  <c r="F80" i="21"/>
  <c r="F55" i="21"/>
  <c r="F49" i="21"/>
  <c r="F34" i="21"/>
  <c r="F27" i="21"/>
  <c r="F14" i="21"/>
  <c r="F4" i="21"/>
  <c r="I41" i="21"/>
  <c r="I42" i="21"/>
  <c r="I43" i="21"/>
  <c r="I44" i="21"/>
  <c r="I45" i="21"/>
  <c r="I46" i="21"/>
  <c r="I47" i="21"/>
  <c r="I48" i="21"/>
  <c r="I49" i="21"/>
  <c r="I50" i="21"/>
  <c r="I51" i="21"/>
  <c r="I52" i="21"/>
  <c r="I53" i="21"/>
  <c r="I54" i="21"/>
  <c r="I55" i="21"/>
  <c r="I56" i="21"/>
  <c r="I57" i="21"/>
  <c r="I58" i="21"/>
  <c r="I59" i="21"/>
  <c r="I60" i="21"/>
  <c r="I61" i="21"/>
  <c r="I62" i="21"/>
  <c r="I63" i="21"/>
  <c r="I64" i="21"/>
  <c r="I65" i="21"/>
  <c r="I66" i="21"/>
  <c r="I67" i="21"/>
  <c r="I68" i="21"/>
  <c r="I69" i="21"/>
  <c r="I70" i="21"/>
  <c r="I71" i="21"/>
  <c r="I72" i="21"/>
  <c r="I73" i="21"/>
  <c r="I74" i="21"/>
  <c r="I75" i="21"/>
  <c r="I76" i="21"/>
  <c r="I77" i="21"/>
  <c r="I78" i="21"/>
  <c r="I79" i="21"/>
  <c r="I80" i="21"/>
  <c r="I81" i="21"/>
  <c r="I82" i="21"/>
  <c r="I83" i="21"/>
  <c r="I84" i="21"/>
  <c r="I85" i="21"/>
  <c r="I86" i="21"/>
  <c r="I87" i="21"/>
  <c r="I88" i="21"/>
  <c r="I89" i="21"/>
  <c r="I90" i="21"/>
  <c r="I91" i="21"/>
  <c r="I92" i="21"/>
  <c r="I93" i="21"/>
  <c r="I94" i="21"/>
  <c r="I95" i="21"/>
  <c r="I96" i="21"/>
  <c r="I97" i="21"/>
  <c r="I98" i="21"/>
  <c r="I99" i="21"/>
  <c r="I100" i="21"/>
  <c r="I101" i="21"/>
  <c r="I102" i="21"/>
  <c r="I103" i="21"/>
  <c r="I104" i="21"/>
  <c r="I105" i="21"/>
  <c r="I106" i="21"/>
  <c r="I107" i="21"/>
  <c r="I108" i="21"/>
  <c r="I109" i="21"/>
  <c r="I110" i="21"/>
  <c r="I111" i="21"/>
  <c r="I112" i="21"/>
  <c r="I113" i="21"/>
  <c r="I114" i="21"/>
  <c r="I115" i="21"/>
  <c r="I116" i="21"/>
  <c r="I117" i="21"/>
  <c r="I118" i="21"/>
  <c r="I119" i="21"/>
  <c r="I120" i="21"/>
  <c r="I121" i="21"/>
  <c r="I122" i="21"/>
  <c r="I123" i="21"/>
  <c r="I124" i="21"/>
  <c r="I125" i="21"/>
  <c r="I126" i="21"/>
  <c r="I127" i="21"/>
  <c r="I128" i="21"/>
  <c r="I129" i="21"/>
  <c r="I130" i="21"/>
  <c r="I131" i="21"/>
  <c r="I132" i="21"/>
  <c r="I133" i="21"/>
  <c r="I134" i="21"/>
  <c r="I135" i="21"/>
  <c r="I136" i="21"/>
  <c r="I137" i="21"/>
  <c r="I138" i="21"/>
  <c r="I139" i="21"/>
  <c r="I140" i="21"/>
  <c r="I141" i="21"/>
  <c r="I142" i="21"/>
  <c r="I143" i="21"/>
  <c r="I144" i="21"/>
  <c r="I145" i="21"/>
  <c r="I146" i="21"/>
  <c r="I147" i="21"/>
  <c r="I148" i="21"/>
  <c r="I149" i="21"/>
  <c r="I150" i="21"/>
  <c r="I151" i="21"/>
  <c r="I152" i="21"/>
  <c r="I153" i="21"/>
  <c r="I154" i="21"/>
  <c r="I155" i="21"/>
  <c r="I156" i="21"/>
  <c r="I157" i="21"/>
  <c r="I158" i="21"/>
  <c r="I159" i="21"/>
  <c r="I160" i="21"/>
  <c r="I161" i="21"/>
  <c r="I162" i="21"/>
  <c r="I163" i="21"/>
  <c r="I164" i="21"/>
  <c r="I165" i="21"/>
  <c r="I166" i="21"/>
  <c r="I167" i="21"/>
  <c r="I168" i="21"/>
  <c r="I169" i="21"/>
  <c r="I170" i="21"/>
  <c r="I171" i="21"/>
  <c r="I172" i="21"/>
  <c r="I173" i="21"/>
  <c r="I174" i="21"/>
  <c r="I175" i="21"/>
  <c r="I176" i="21"/>
  <c r="I177" i="21"/>
  <c r="I178" i="21"/>
  <c r="I179" i="21"/>
  <c r="I180" i="21"/>
  <c r="I181" i="21"/>
  <c r="I182" i="21"/>
  <c r="I183" i="21"/>
  <c r="I184" i="21"/>
  <c r="I185" i="21"/>
  <c r="I186" i="21"/>
  <c r="I187" i="21"/>
  <c r="I188" i="21"/>
  <c r="I189" i="21"/>
  <c r="I190" i="21"/>
  <c r="I191" i="21"/>
  <c r="I192" i="21"/>
  <c r="I193" i="21"/>
  <c r="I194" i="21"/>
  <c r="I195" i="21"/>
  <c r="I196" i="21"/>
  <c r="I197" i="21"/>
  <c r="I198" i="21"/>
  <c r="I199" i="21"/>
  <c r="I200" i="21"/>
  <c r="I201" i="21"/>
  <c r="I202" i="21"/>
  <c r="I203" i="21"/>
  <c r="I204" i="21"/>
  <c r="I205" i="21"/>
  <c r="I206" i="21"/>
  <c r="I207" i="21"/>
  <c r="I208" i="21"/>
  <c r="I209" i="21"/>
  <c r="I210" i="21"/>
  <c r="I211" i="21"/>
  <c r="I212" i="21"/>
  <c r="I213" i="21"/>
  <c r="I214" i="21"/>
  <c r="I215" i="21"/>
  <c r="I216" i="21"/>
  <c r="I217" i="21"/>
  <c r="I218" i="21"/>
  <c r="I219" i="21"/>
  <c r="I220" i="21"/>
  <c r="I221" i="21"/>
  <c r="I222" i="21"/>
  <c r="I223" i="21"/>
  <c r="I224" i="21"/>
  <c r="I225" i="21"/>
  <c r="I226" i="21"/>
  <c r="I227" i="21"/>
  <c r="I228" i="21"/>
  <c r="I229" i="21"/>
  <c r="I230" i="21"/>
  <c r="I231" i="21"/>
  <c r="I232" i="21"/>
  <c r="I233" i="21"/>
  <c r="I234" i="21"/>
  <c r="I235" i="21"/>
  <c r="I236" i="21"/>
  <c r="I237" i="21"/>
  <c r="I238" i="21"/>
  <c r="I239" i="21"/>
  <c r="I240" i="21"/>
  <c r="I241" i="21"/>
  <c r="I242" i="21"/>
  <c r="I243" i="21"/>
  <c r="I244" i="21"/>
  <c r="I245" i="21"/>
  <c r="I246" i="21"/>
  <c r="I247" i="21"/>
  <c r="I248" i="21"/>
  <c r="I249" i="21"/>
  <c r="I250" i="21"/>
  <c r="I251" i="21"/>
  <c r="I252" i="21"/>
  <c r="I253" i="21"/>
  <c r="I254" i="21"/>
  <c r="I255" i="21"/>
  <c r="I256" i="21"/>
  <c r="I257" i="21"/>
  <c r="I258" i="21"/>
  <c r="I259" i="21"/>
  <c r="I260" i="21"/>
  <c r="I261" i="21"/>
  <c r="I262" i="21"/>
  <c r="I263" i="21"/>
  <c r="I264" i="21"/>
  <c r="I265" i="21"/>
  <c r="I266" i="21"/>
  <c r="I267" i="21"/>
  <c r="I268" i="21"/>
  <c r="I269" i="21"/>
  <c r="I270" i="21"/>
  <c r="I271" i="21"/>
  <c r="I272" i="21"/>
  <c r="I273" i="21"/>
  <c r="I274" i="21"/>
  <c r="I275" i="21"/>
  <c r="I276" i="21"/>
  <c r="I277" i="21"/>
  <c r="I278" i="21"/>
  <c r="I279" i="21"/>
  <c r="I280" i="21"/>
  <c r="I281" i="21"/>
  <c r="I282" i="21"/>
  <c r="I283" i="21"/>
  <c r="I284" i="21"/>
  <c r="I285" i="21"/>
  <c r="I286" i="21"/>
  <c r="I287" i="21"/>
  <c r="I288" i="21"/>
  <c r="I289" i="21"/>
  <c r="I290" i="21"/>
  <c r="I291" i="21"/>
  <c r="I292" i="21"/>
  <c r="I293" i="21"/>
  <c r="I294" i="21"/>
  <c r="I295" i="21"/>
  <c r="I296" i="21"/>
  <c r="I297" i="21"/>
  <c r="I298" i="21"/>
  <c r="I299" i="21"/>
  <c r="I300" i="21"/>
  <c r="I301" i="21"/>
  <c r="I302" i="21"/>
  <c r="I303" i="21"/>
  <c r="I304" i="21"/>
  <c r="I305" i="21"/>
  <c r="I306" i="21"/>
  <c r="I307" i="21"/>
  <c r="I308" i="21"/>
  <c r="I309" i="21"/>
  <c r="I310" i="21"/>
  <c r="I311" i="21"/>
  <c r="I312" i="21"/>
  <c r="I313" i="21"/>
  <c r="I314" i="21"/>
  <c r="I315" i="21"/>
  <c r="I316" i="21"/>
  <c r="I317" i="21"/>
  <c r="I318" i="21"/>
  <c r="I319" i="21"/>
  <c r="I320" i="21"/>
  <c r="I321" i="21"/>
  <c r="I322" i="21"/>
  <c r="I323" i="21"/>
  <c r="I324" i="21"/>
  <c r="I325" i="21"/>
  <c r="I326" i="21"/>
  <c r="I327" i="21"/>
  <c r="I328" i="21"/>
  <c r="I329" i="21"/>
  <c r="I330" i="21"/>
  <c r="I331" i="21"/>
  <c r="I332" i="21"/>
  <c r="I333" i="21"/>
  <c r="I334" i="21"/>
  <c r="I335" i="21"/>
  <c r="I336" i="21"/>
  <c r="I337" i="21"/>
  <c r="I338" i="21"/>
  <c r="I339" i="21"/>
  <c r="I340" i="21"/>
  <c r="I341" i="21"/>
  <c r="I342" i="21"/>
  <c r="I343" i="21"/>
  <c r="I344" i="21"/>
  <c r="I345" i="21"/>
  <c r="I346" i="21"/>
  <c r="I347" i="21"/>
  <c r="I348" i="21"/>
  <c r="I349" i="21"/>
  <c r="I350" i="21"/>
  <c r="I351" i="21"/>
  <c r="I352" i="21"/>
  <c r="I353" i="21"/>
  <c r="I354" i="21"/>
  <c r="I355" i="21"/>
  <c r="I356" i="21"/>
  <c r="I357" i="21"/>
  <c r="I358" i="21"/>
  <c r="I359" i="21"/>
  <c r="I360" i="21"/>
  <c r="I361" i="21"/>
  <c r="I362" i="21"/>
  <c r="I363" i="21"/>
  <c r="I364" i="21"/>
  <c r="I365" i="21"/>
  <c r="I366" i="21"/>
  <c r="I367" i="21"/>
  <c r="I368" i="21"/>
  <c r="I369" i="21"/>
  <c r="I370" i="21"/>
  <c r="I371" i="21"/>
  <c r="I372" i="21"/>
  <c r="I373" i="21"/>
  <c r="I374" i="21"/>
  <c r="I375" i="21"/>
  <c r="I376" i="21"/>
  <c r="I377" i="21"/>
  <c r="I378" i="21"/>
  <c r="I379" i="21"/>
  <c r="I380" i="21"/>
  <c r="I381" i="21"/>
  <c r="I382" i="21"/>
  <c r="I383" i="21"/>
  <c r="I384" i="21"/>
  <c r="I385" i="21"/>
  <c r="I386" i="21"/>
  <c r="I387" i="21"/>
  <c r="I388" i="21"/>
  <c r="I389" i="21"/>
  <c r="I390" i="21"/>
  <c r="I391" i="21"/>
  <c r="I392" i="21"/>
  <c r="I393" i="21"/>
  <c r="I394" i="21"/>
  <c r="I395" i="21"/>
  <c r="I396" i="21"/>
  <c r="I397" i="21"/>
  <c r="I398" i="21"/>
  <c r="I399" i="21"/>
  <c r="I400" i="21"/>
  <c r="I401" i="21"/>
  <c r="I402" i="21"/>
  <c r="I403" i="21"/>
  <c r="I5" i="21"/>
  <c r="I6" i="21"/>
  <c r="I7" i="21"/>
  <c r="I8" i="21"/>
  <c r="I9" i="21"/>
  <c r="I10" i="21"/>
  <c r="I11" i="21"/>
  <c r="I12" i="21"/>
  <c r="I13" i="21"/>
  <c r="I14" i="21"/>
  <c r="I15" i="21"/>
  <c r="I16" i="21"/>
  <c r="I17" i="21"/>
  <c r="I18" i="21"/>
  <c r="I19" i="21"/>
  <c r="I20" i="21"/>
  <c r="I21" i="21"/>
  <c r="I22" i="21"/>
  <c r="I23" i="21"/>
  <c r="I24" i="21"/>
  <c r="I25" i="21"/>
  <c r="I26" i="21"/>
  <c r="I27" i="21"/>
  <c r="I28" i="21"/>
  <c r="I29" i="21"/>
  <c r="I30" i="21"/>
  <c r="I31" i="21"/>
  <c r="I32" i="21"/>
  <c r="I33" i="21"/>
  <c r="I34" i="21"/>
  <c r="I35" i="21"/>
  <c r="I36" i="21"/>
  <c r="I37" i="21"/>
  <c r="I38" i="21"/>
  <c r="I39" i="21"/>
  <c r="I40" i="21"/>
  <c r="I4" i="21"/>
</calcChain>
</file>

<file path=xl/sharedStrings.xml><?xml version="1.0" encoding="utf-8"?>
<sst xmlns="http://schemas.openxmlformats.org/spreadsheetml/2006/main" count="3571" uniqueCount="1220">
  <si>
    <t>電話</t>
    <rPh sb="0" eb="2">
      <t>デンワ</t>
    </rPh>
    <phoneticPr fontId="11"/>
  </si>
  <si>
    <t>Ｆａｘ</t>
    <phoneticPr fontId="11"/>
  </si>
  <si>
    <t>Ｅ－ｍａｉｌ</t>
    <phoneticPr fontId="11"/>
  </si>
  <si>
    <t>中分類</t>
    <rPh sb="0" eb="3">
      <t>チュウブンルイ</t>
    </rPh>
    <phoneticPr fontId="11"/>
  </si>
  <si>
    <t>小分類</t>
    <rPh sb="0" eb="3">
      <t>ショウブンルイ</t>
    </rPh>
    <phoneticPr fontId="11"/>
  </si>
  <si>
    <t>製品・サービスの内容</t>
    <rPh sb="0" eb="2">
      <t>セイヒン</t>
    </rPh>
    <rPh sb="8" eb="10">
      <t>ナイヨウ</t>
    </rPh>
    <phoneticPr fontId="11"/>
  </si>
  <si>
    <t>広島市</t>
  </si>
  <si>
    <t>呉市</t>
  </si>
  <si>
    <t>竹原市</t>
  </si>
  <si>
    <t>三原市</t>
  </si>
  <si>
    <t>尾道市</t>
  </si>
  <si>
    <t>福山市</t>
  </si>
  <si>
    <t>府中市</t>
  </si>
  <si>
    <t>三次市</t>
  </si>
  <si>
    <t>庄原市</t>
  </si>
  <si>
    <t>大竹市</t>
  </si>
  <si>
    <t>東広島市</t>
  </si>
  <si>
    <t>廿日市市</t>
  </si>
  <si>
    <t>安芸高田市</t>
  </si>
  <si>
    <t>江田島市</t>
  </si>
  <si>
    <t>府中町</t>
  </si>
  <si>
    <t>海田町</t>
  </si>
  <si>
    <t>熊野町</t>
  </si>
  <si>
    <t>坂町</t>
  </si>
  <si>
    <t>安芸太田町</t>
  </si>
  <si>
    <t>北広島町</t>
  </si>
  <si>
    <t>大崎上島町</t>
  </si>
  <si>
    <t>世羅町</t>
  </si>
  <si>
    <t>神石高原町</t>
  </si>
  <si>
    <t>県外</t>
    <rPh sb="0" eb="2">
      <t>ケンガイ</t>
    </rPh>
    <phoneticPr fontId="11"/>
  </si>
  <si>
    <t>備考</t>
    <rPh sb="0" eb="2">
      <t>ビコウ</t>
    </rPh>
    <phoneticPr fontId="11"/>
  </si>
  <si>
    <t>対応可能量</t>
    <rPh sb="0" eb="2">
      <t>タイオウ</t>
    </rPh>
    <rPh sb="2" eb="5">
      <t>カノウリョウ</t>
    </rPh>
    <phoneticPr fontId="11"/>
  </si>
  <si>
    <t>参考価格</t>
    <rPh sb="0" eb="2">
      <t>サンコウ</t>
    </rPh>
    <rPh sb="2" eb="4">
      <t>カカク</t>
    </rPh>
    <phoneticPr fontId="11"/>
  </si>
  <si>
    <t>標準納期</t>
    <rPh sb="0" eb="2">
      <t>ヒョウジュン</t>
    </rPh>
    <rPh sb="2" eb="4">
      <t>ノウキ</t>
    </rPh>
    <phoneticPr fontId="11"/>
  </si>
  <si>
    <t>看板</t>
    <rPh sb="0" eb="2">
      <t>カンバン</t>
    </rPh>
    <phoneticPr fontId="11"/>
  </si>
  <si>
    <t>施設敷地の水路・側溝の清掃</t>
    <rPh sb="0" eb="2">
      <t>シセツ</t>
    </rPh>
    <rPh sb="2" eb="4">
      <t>シキチ</t>
    </rPh>
    <rPh sb="5" eb="7">
      <t>スイロ</t>
    </rPh>
    <rPh sb="8" eb="10">
      <t>ソッコウ</t>
    </rPh>
    <rPh sb="11" eb="13">
      <t>セイソウ</t>
    </rPh>
    <phoneticPr fontId="11"/>
  </si>
  <si>
    <t>植栽の剪定，除草，草刈</t>
    <rPh sb="0" eb="2">
      <t>ショクサイ</t>
    </rPh>
    <rPh sb="3" eb="5">
      <t>センテイ</t>
    </rPh>
    <rPh sb="6" eb="8">
      <t>ジョソウ</t>
    </rPh>
    <rPh sb="9" eb="11">
      <t>クサカリ</t>
    </rPh>
    <phoneticPr fontId="11"/>
  </si>
  <si>
    <t>火災報知機，消火器，消火栓，スプリンクラー，救助袋の点検，防火対象物の点検</t>
  </si>
  <si>
    <t>窓ガラスの清掃</t>
    <rPh sb="0" eb="1">
      <t>マド</t>
    </rPh>
    <rPh sb="5" eb="7">
      <t>セイソウ</t>
    </rPh>
    <phoneticPr fontId="11"/>
  </si>
  <si>
    <t>デザイン</t>
    <phoneticPr fontId="11"/>
  </si>
  <si>
    <t>申請者－名称</t>
  </si>
  <si>
    <t>事業所－名称</t>
  </si>
  <si>
    <t>事業所－住所</t>
  </si>
  <si>
    <t>サービス種類</t>
  </si>
  <si>
    <t>-</t>
    <phoneticPr fontId="11"/>
  </si>
  <si>
    <t>サービス種類</t>
    <phoneticPr fontId="11"/>
  </si>
  <si>
    <t>取扱い情報</t>
    <rPh sb="0" eb="2">
      <t>トリアツカ</t>
    </rPh>
    <rPh sb="3" eb="5">
      <t>ジョウホウ</t>
    </rPh>
    <phoneticPr fontId="11"/>
  </si>
  <si>
    <t>C</t>
  </si>
  <si>
    <t>D</t>
  </si>
  <si>
    <t>E</t>
  </si>
  <si>
    <t>F</t>
  </si>
  <si>
    <t>G</t>
  </si>
  <si>
    <t>L</t>
  </si>
  <si>
    <t>Ｐ</t>
  </si>
  <si>
    <t>システムの設計・開発</t>
  </si>
  <si>
    <t>テープ起こし</t>
  </si>
  <si>
    <t>M</t>
  </si>
  <si>
    <t>郵便番号</t>
    <phoneticPr fontId="11"/>
  </si>
  <si>
    <t>事業所番号</t>
    <phoneticPr fontId="11"/>
  </si>
  <si>
    <t>Zその他物品</t>
  </si>
  <si>
    <t>契約種目</t>
    <rPh sb="0" eb="2">
      <t>ケイヤク</t>
    </rPh>
    <rPh sb="2" eb="4">
      <t>シュモク</t>
    </rPh>
    <phoneticPr fontId="11"/>
  </si>
  <si>
    <t>取扱品目</t>
    <rPh sb="0" eb="2">
      <t>トリアツカイ</t>
    </rPh>
    <rPh sb="2" eb="4">
      <t>ヒンモク</t>
    </rPh>
    <phoneticPr fontId="11"/>
  </si>
  <si>
    <t>内容・例</t>
    <rPh sb="0" eb="2">
      <t>ナイヨウ</t>
    </rPh>
    <rPh sb="3" eb="4">
      <t>レイ</t>
    </rPh>
    <phoneticPr fontId="11"/>
  </si>
  <si>
    <t>許認可・資格等</t>
    <rPh sb="0" eb="3">
      <t>キョニンカ</t>
    </rPh>
    <rPh sb="4" eb="6">
      <t>シカク</t>
    </rPh>
    <rPh sb="6" eb="7">
      <t>トウ</t>
    </rPh>
    <phoneticPr fontId="11"/>
  </si>
  <si>
    <t>大分類</t>
    <rPh sb="0" eb="3">
      <t>ダイブンルイ</t>
    </rPh>
    <phoneticPr fontId="11"/>
  </si>
  <si>
    <t>01</t>
    <phoneticPr fontId="11"/>
  </si>
  <si>
    <t>A</t>
    <phoneticPr fontId="11"/>
  </si>
  <si>
    <t>用紙・文具事務機器</t>
    <rPh sb="0" eb="2">
      <t>ヨウシ</t>
    </rPh>
    <rPh sb="3" eb="5">
      <t>ブング</t>
    </rPh>
    <rPh sb="5" eb="7">
      <t>ジム</t>
    </rPh>
    <rPh sb="7" eb="9">
      <t>キキ</t>
    </rPh>
    <phoneticPr fontId="11"/>
  </si>
  <si>
    <t>コピー・プリンタ用紙</t>
    <rPh sb="8" eb="10">
      <t>ヨウシ</t>
    </rPh>
    <phoneticPr fontId="11"/>
  </si>
  <si>
    <t>ＰＰＣ用紙，プリンタ用紙</t>
    <rPh sb="3" eb="5">
      <t>ヨウシ</t>
    </rPh>
    <rPh sb="10" eb="12">
      <t>ヨウシ</t>
    </rPh>
    <phoneticPr fontId="11"/>
  </si>
  <si>
    <t>02</t>
    <phoneticPr fontId="11"/>
  </si>
  <si>
    <t>上質・中質・更紙</t>
    <rPh sb="0" eb="2">
      <t>ジョウシツ</t>
    </rPh>
    <rPh sb="3" eb="5">
      <t>チュウシツ</t>
    </rPh>
    <rPh sb="6" eb="7">
      <t>サラ</t>
    </rPh>
    <rPh sb="7" eb="8">
      <t>カミ</t>
    </rPh>
    <phoneticPr fontId="11"/>
  </si>
  <si>
    <t>上質紙，色上質紙，中質紙，更紙</t>
    <rPh sb="0" eb="3">
      <t>ジョウシツシ</t>
    </rPh>
    <rPh sb="4" eb="5">
      <t>イロ</t>
    </rPh>
    <rPh sb="5" eb="8">
      <t>ジョウシツシ</t>
    </rPh>
    <rPh sb="9" eb="12">
      <t>チュウシツシ</t>
    </rPh>
    <rPh sb="13" eb="14">
      <t>サラ</t>
    </rPh>
    <rPh sb="14" eb="15">
      <t>カミ</t>
    </rPh>
    <phoneticPr fontId="11"/>
  </si>
  <si>
    <t>03</t>
  </si>
  <si>
    <t>フォーム用紙</t>
    <rPh sb="4" eb="6">
      <t>ヨウシ</t>
    </rPh>
    <phoneticPr fontId="11"/>
  </si>
  <si>
    <t>連続伝票用紙</t>
    <rPh sb="0" eb="2">
      <t>レンゾク</t>
    </rPh>
    <rPh sb="2" eb="4">
      <t>デンピョウ</t>
    </rPh>
    <rPh sb="4" eb="6">
      <t>ヨウシ</t>
    </rPh>
    <phoneticPr fontId="11"/>
  </si>
  <si>
    <t>04</t>
  </si>
  <si>
    <t>ダンボール</t>
    <phoneticPr fontId="11"/>
  </si>
  <si>
    <t>ダンボール，板紙</t>
    <rPh sb="6" eb="8">
      <t>イタガミ</t>
    </rPh>
    <phoneticPr fontId="11"/>
  </si>
  <si>
    <t>05</t>
  </si>
  <si>
    <t>その他用紙</t>
    <rPh sb="2" eb="3">
      <t>タ</t>
    </rPh>
    <rPh sb="3" eb="5">
      <t>ヨウシ</t>
    </rPh>
    <phoneticPr fontId="11"/>
  </si>
  <si>
    <t>和紙，感熱紙，感光紙，包装紙</t>
    <rPh sb="0" eb="2">
      <t>ワシ</t>
    </rPh>
    <rPh sb="3" eb="6">
      <t>カンネツシ</t>
    </rPh>
    <rPh sb="7" eb="9">
      <t>カンコウ</t>
    </rPh>
    <rPh sb="9" eb="10">
      <t>カミ</t>
    </rPh>
    <rPh sb="11" eb="14">
      <t>ホウソウシ</t>
    </rPh>
    <phoneticPr fontId="11"/>
  </si>
  <si>
    <t>06</t>
  </si>
  <si>
    <t>文具・事務用品</t>
    <rPh sb="0" eb="2">
      <t>ブング</t>
    </rPh>
    <rPh sb="3" eb="5">
      <t>ジム</t>
    </rPh>
    <rPh sb="5" eb="7">
      <t>ヨウヒン</t>
    </rPh>
    <phoneticPr fontId="11"/>
  </si>
  <si>
    <t>文房具，筆記用具，ファイル，ノート，机上用品</t>
    <rPh sb="0" eb="3">
      <t>ブンボウグ</t>
    </rPh>
    <rPh sb="4" eb="6">
      <t>ヒッキ</t>
    </rPh>
    <rPh sb="6" eb="8">
      <t>ヨウグ</t>
    </rPh>
    <rPh sb="18" eb="20">
      <t>キジョウ</t>
    </rPh>
    <rPh sb="20" eb="22">
      <t>ヨウヒン</t>
    </rPh>
    <phoneticPr fontId="11"/>
  </si>
  <si>
    <t>07</t>
  </si>
  <si>
    <t>事務機器</t>
    <rPh sb="0" eb="2">
      <t>ジム</t>
    </rPh>
    <rPh sb="2" eb="4">
      <t>キキ</t>
    </rPh>
    <phoneticPr fontId="11"/>
  </si>
  <si>
    <t>ラベルライター，軽印刷機，ラミネーター</t>
    <rPh sb="8" eb="9">
      <t>カル</t>
    </rPh>
    <rPh sb="9" eb="12">
      <t>インサツキ</t>
    </rPh>
    <phoneticPr fontId="11"/>
  </si>
  <si>
    <t>08</t>
  </si>
  <si>
    <t>シュレッダー</t>
    <phoneticPr fontId="11"/>
  </si>
  <si>
    <t>09</t>
  </si>
  <si>
    <t>印章・印判</t>
    <rPh sb="0" eb="2">
      <t>インショウ</t>
    </rPh>
    <rPh sb="3" eb="5">
      <t>インバン</t>
    </rPh>
    <phoneticPr fontId="11"/>
  </si>
  <si>
    <t>印鑑，ゴム印，木印，回転印，日付印</t>
    <rPh sb="0" eb="2">
      <t>インカン</t>
    </rPh>
    <rPh sb="10" eb="12">
      <t>カイテン</t>
    </rPh>
    <rPh sb="12" eb="13">
      <t>イン</t>
    </rPh>
    <rPh sb="14" eb="17">
      <t>ヒヅケイン</t>
    </rPh>
    <phoneticPr fontId="11"/>
  </si>
  <si>
    <t>99</t>
    <phoneticPr fontId="11"/>
  </si>
  <si>
    <t>その他</t>
    <rPh sb="2" eb="3">
      <t>タ</t>
    </rPh>
    <phoneticPr fontId="11"/>
  </si>
  <si>
    <t>B</t>
    <phoneticPr fontId="11"/>
  </si>
  <si>
    <t>家具・室内装飾</t>
    <rPh sb="3" eb="5">
      <t>シツナイ</t>
    </rPh>
    <rPh sb="5" eb="7">
      <t>ソウショク</t>
    </rPh>
    <phoneticPr fontId="11"/>
  </si>
  <si>
    <t>スチール家具</t>
    <rPh sb="4" eb="6">
      <t>カグ</t>
    </rPh>
    <phoneticPr fontId="11"/>
  </si>
  <si>
    <t>鋼製什器，書庫類，更衣ロッカー，金庫</t>
    <rPh sb="0" eb="2">
      <t>コウセイ</t>
    </rPh>
    <rPh sb="2" eb="4">
      <t>ジュウキ</t>
    </rPh>
    <rPh sb="5" eb="7">
      <t>ショコ</t>
    </rPh>
    <rPh sb="7" eb="8">
      <t>ルイ</t>
    </rPh>
    <rPh sb="9" eb="11">
      <t>コウイ</t>
    </rPh>
    <rPh sb="16" eb="18">
      <t>キンコ</t>
    </rPh>
    <phoneticPr fontId="11"/>
  </si>
  <si>
    <t>木製家具</t>
    <rPh sb="0" eb="2">
      <t>モクセイ</t>
    </rPh>
    <rPh sb="2" eb="4">
      <t>カグ</t>
    </rPh>
    <phoneticPr fontId="11"/>
  </si>
  <si>
    <t>木製什器，木製机，木製テーブル，水屋</t>
    <rPh sb="0" eb="2">
      <t>モクセイ</t>
    </rPh>
    <rPh sb="2" eb="4">
      <t>ジュウキ</t>
    </rPh>
    <rPh sb="5" eb="7">
      <t>モクセイ</t>
    </rPh>
    <rPh sb="7" eb="8">
      <t>ツクエ</t>
    </rPh>
    <rPh sb="9" eb="11">
      <t>モクセイ</t>
    </rPh>
    <rPh sb="16" eb="18">
      <t>ミズヤ</t>
    </rPh>
    <phoneticPr fontId="11"/>
  </si>
  <si>
    <t>学校用家具</t>
    <rPh sb="0" eb="3">
      <t>ガッコウヨウ</t>
    </rPh>
    <rPh sb="3" eb="5">
      <t>カグ</t>
    </rPh>
    <phoneticPr fontId="11"/>
  </si>
  <si>
    <t>学校用の家具・什器</t>
    <rPh sb="0" eb="2">
      <t>ガッコウ</t>
    </rPh>
    <rPh sb="2" eb="3">
      <t>ヨウ</t>
    </rPh>
    <rPh sb="4" eb="6">
      <t>カグ</t>
    </rPh>
    <rPh sb="7" eb="9">
      <t>ジュウキ</t>
    </rPh>
    <phoneticPr fontId="11"/>
  </si>
  <si>
    <t>図書館用家具</t>
    <rPh sb="0" eb="2">
      <t>トショ</t>
    </rPh>
    <rPh sb="2" eb="3">
      <t>カン</t>
    </rPh>
    <rPh sb="3" eb="4">
      <t>ヨウ</t>
    </rPh>
    <rPh sb="4" eb="6">
      <t>カグ</t>
    </rPh>
    <phoneticPr fontId="11"/>
  </si>
  <si>
    <t>図書館用の家具・什器</t>
    <rPh sb="0" eb="3">
      <t>トショカン</t>
    </rPh>
    <rPh sb="3" eb="4">
      <t>ヨウ</t>
    </rPh>
    <rPh sb="5" eb="7">
      <t>カグ</t>
    </rPh>
    <rPh sb="8" eb="10">
      <t>ジュウキ</t>
    </rPh>
    <phoneticPr fontId="11"/>
  </si>
  <si>
    <t>病院用家具</t>
    <rPh sb="0" eb="3">
      <t>ビョウインヨウ</t>
    </rPh>
    <rPh sb="3" eb="5">
      <t>カグ</t>
    </rPh>
    <phoneticPr fontId="11"/>
  </si>
  <si>
    <t>病院用の家具・什器</t>
    <rPh sb="0" eb="3">
      <t>ビョウインヨウ</t>
    </rPh>
    <rPh sb="4" eb="6">
      <t>カグ</t>
    </rPh>
    <rPh sb="7" eb="9">
      <t>ジュウキ</t>
    </rPh>
    <phoneticPr fontId="11"/>
  </si>
  <si>
    <t>間仕切り</t>
    <rPh sb="0" eb="3">
      <t>マジキ</t>
    </rPh>
    <phoneticPr fontId="11"/>
  </si>
  <si>
    <t>簡易の間仕切り，パーティション</t>
    <rPh sb="0" eb="2">
      <t>カンイ</t>
    </rPh>
    <rPh sb="3" eb="6">
      <t>マジキ</t>
    </rPh>
    <phoneticPr fontId="11"/>
  </si>
  <si>
    <t>舞台大道具</t>
    <rPh sb="0" eb="2">
      <t>ブタイ</t>
    </rPh>
    <rPh sb="2" eb="5">
      <t>オオドウグ</t>
    </rPh>
    <phoneticPr fontId="11"/>
  </si>
  <si>
    <t>演台，司会台</t>
    <rPh sb="0" eb="2">
      <t>エンダイ</t>
    </rPh>
    <rPh sb="3" eb="5">
      <t>シカイ</t>
    </rPh>
    <rPh sb="5" eb="6">
      <t>ダイ</t>
    </rPh>
    <phoneticPr fontId="11"/>
  </si>
  <si>
    <t>その他家具</t>
    <rPh sb="2" eb="3">
      <t>タ</t>
    </rPh>
    <rPh sb="3" eb="5">
      <t>カグ</t>
    </rPh>
    <phoneticPr fontId="11"/>
  </si>
  <si>
    <t>カーテン</t>
    <phoneticPr fontId="11"/>
  </si>
  <si>
    <t>カーテン，ブラインド，緞帳，暗幕</t>
    <rPh sb="11" eb="13">
      <t>ドンチョウ</t>
    </rPh>
    <rPh sb="14" eb="16">
      <t>アンマク</t>
    </rPh>
    <phoneticPr fontId="11"/>
  </si>
  <si>
    <t>10</t>
  </si>
  <si>
    <t>じゅうたん</t>
    <phoneticPr fontId="11"/>
  </si>
  <si>
    <t>じゅうたん，カーペット，マット</t>
    <phoneticPr fontId="11"/>
  </si>
  <si>
    <t>11</t>
  </si>
  <si>
    <t>畳</t>
    <rPh sb="0" eb="1">
      <t>タタミ</t>
    </rPh>
    <phoneticPr fontId="11"/>
  </si>
  <si>
    <t>12</t>
  </si>
  <si>
    <t>壁紙</t>
    <rPh sb="0" eb="2">
      <t>カベガミ</t>
    </rPh>
    <phoneticPr fontId="11"/>
  </si>
  <si>
    <t>C</t>
    <phoneticPr fontId="11"/>
  </si>
  <si>
    <t>印刷</t>
    <rPh sb="0" eb="2">
      <t>インサツ</t>
    </rPh>
    <phoneticPr fontId="11"/>
  </si>
  <si>
    <t>一般印刷</t>
    <rPh sb="0" eb="2">
      <t>イッパン</t>
    </rPh>
    <rPh sb="2" eb="4">
      <t>インサツ</t>
    </rPh>
    <phoneticPr fontId="11"/>
  </si>
  <si>
    <t>活版，平版　※印刷物の企画・デザインは委託役務業務</t>
    <rPh sb="0" eb="2">
      <t>カッパン</t>
    </rPh>
    <rPh sb="3" eb="5">
      <t>ヘイハン</t>
    </rPh>
    <rPh sb="7" eb="10">
      <t>インサツブツ</t>
    </rPh>
    <rPh sb="11" eb="13">
      <t>キカク</t>
    </rPh>
    <rPh sb="19" eb="21">
      <t>イタク</t>
    </rPh>
    <rPh sb="21" eb="23">
      <t>エキム</t>
    </rPh>
    <rPh sb="23" eb="25">
      <t>ギョウム</t>
    </rPh>
    <phoneticPr fontId="11"/>
  </si>
  <si>
    <t>軽印刷</t>
    <rPh sb="0" eb="1">
      <t>ケイ</t>
    </rPh>
    <rPh sb="1" eb="3">
      <t>インサツ</t>
    </rPh>
    <phoneticPr fontId="11"/>
  </si>
  <si>
    <t>ファックス印刷</t>
    <rPh sb="5" eb="7">
      <t>インサツ</t>
    </rPh>
    <phoneticPr fontId="11"/>
  </si>
  <si>
    <t>フォーム印刷</t>
  </si>
  <si>
    <t>圧着はがき，電算用連続帳票，ＯＣＲ用紙，ＯＭＲ用紙</t>
    <rPh sb="0" eb="2">
      <t>アッチャク</t>
    </rPh>
    <rPh sb="6" eb="8">
      <t>デンサン</t>
    </rPh>
    <rPh sb="8" eb="9">
      <t>ヨウ</t>
    </rPh>
    <rPh sb="9" eb="11">
      <t>レンゾク</t>
    </rPh>
    <rPh sb="11" eb="13">
      <t>チョウヒョウ</t>
    </rPh>
    <rPh sb="17" eb="19">
      <t>ヨウシ</t>
    </rPh>
    <rPh sb="23" eb="25">
      <t>ヨウシ</t>
    </rPh>
    <phoneticPr fontId="11"/>
  </si>
  <si>
    <t>特殊印刷</t>
    <rPh sb="0" eb="2">
      <t>トクシュ</t>
    </rPh>
    <rPh sb="2" eb="4">
      <t>インサツ</t>
    </rPh>
    <phoneticPr fontId="11"/>
  </si>
  <si>
    <t>ステッカー，シール，地図印刷</t>
    <rPh sb="10" eb="12">
      <t>チズ</t>
    </rPh>
    <rPh sb="12" eb="14">
      <t>インサツ</t>
    </rPh>
    <phoneticPr fontId="11"/>
  </si>
  <si>
    <t>製本</t>
    <rPh sb="0" eb="2">
      <t>セイホン</t>
    </rPh>
    <phoneticPr fontId="11"/>
  </si>
  <si>
    <t>複写</t>
    <rPh sb="0" eb="2">
      <t>フクシャ</t>
    </rPh>
    <phoneticPr fontId="11"/>
  </si>
  <si>
    <t>青写真，コピー，マイクロフィルム化</t>
    <rPh sb="0" eb="1">
      <t>アオ</t>
    </rPh>
    <rPh sb="1" eb="3">
      <t>シャシン</t>
    </rPh>
    <rPh sb="16" eb="17">
      <t>カ</t>
    </rPh>
    <phoneticPr fontId="11"/>
  </si>
  <si>
    <t>D</t>
    <phoneticPr fontId="11"/>
  </si>
  <si>
    <t>情報・電気通信機器</t>
    <rPh sb="0" eb="2">
      <t>ジョウホウ</t>
    </rPh>
    <rPh sb="3" eb="5">
      <t>デンキ</t>
    </rPh>
    <rPh sb="5" eb="7">
      <t>ツウシン</t>
    </rPh>
    <rPh sb="7" eb="9">
      <t>キキ</t>
    </rPh>
    <phoneticPr fontId="11"/>
  </si>
  <si>
    <t>パソコン・サーバ</t>
    <phoneticPr fontId="11"/>
  </si>
  <si>
    <t>パソコン，サーバ</t>
    <phoneticPr fontId="11"/>
  </si>
  <si>
    <t>パソコン周辺機器</t>
    <rPh sb="4" eb="6">
      <t>シュウヘン</t>
    </rPh>
    <rPh sb="6" eb="8">
      <t>キキ</t>
    </rPh>
    <phoneticPr fontId="11"/>
  </si>
  <si>
    <t>プリンタ，スキャナ，ドライブ，カードリーダー，ＵＳＢメモリ</t>
    <phoneticPr fontId="11"/>
  </si>
  <si>
    <t>複写機</t>
    <rPh sb="0" eb="3">
      <t>フクシャキ</t>
    </rPh>
    <phoneticPr fontId="11"/>
  </si>
  <si>
    <t>複写機，輪転機</t>
    <rPh sb="0" eb="2">
      <t>フクシャ</t>
    </rPh>
    <rPh sb="2" eb="3">
      <t>キ</t>
    </rPh>
    <rPh sb="4" eb="7">
      <t>リンテンキ</t>
    </rPh>
    <phoneticPr fontId="11"/>
  </si>
  <si>
    <t>04</t>
    <phoneticPr fontId="11"/>
  </si>
  <si>
    <t>ファックス</t>
    <phoneticPr fontId="11"/>
  </si>
  <si>
    <t>純正トナーカートリッジ</t>
    <rPh sb="0" eb="2">
      <t>ジュンセイ</t>
    </rPh>
    <phoneticPr fontId="11"/>
  </si>
  <si>
    <t>レーザープリンタ・複写機の純正トナーカートリッジ</t>
    <rPh sb="9" eb="11">
      <t>フクシャ</t>
    </rPh>
    <rPh sb="11" eb="12">
      <t>キ</t>
    </rPh>
    <rPh sb="13" eb="15">
      <t>ジュンセイ</t>
    </rPh>
    <phoneticPr fontId="11"/>
  </si>
  <si>
    <t>リサイクルトナーカートリッジ</t>
    <phoneticPr fontId="11"/>
  </si>
  <si>
    <t>レーザープリンタ・複写機のリサイクルトナーカートリッジ</t>
    <rPh sb="9" eb="12">
      <t>フクシャキ</t>
    </rPh>
    <phoneticPr fontId="11"/>
  </si>
  <si>
    <t>ソフトウェア</t>
    <phoneticPr fontId="11"/>
  </si>
  <si>
    <t>ＰＣ用パッケージソフト</t>
    <rPh sb="2" eb="3">
      <t>ヨウ</t>
    </rPh>
    <phoneticPr fontId="11"/>
  </si>
  <si>
    <t>ＯＡ消耗品</t>
    <rPh sb="2" eb="4">
      <t>ショウモウ</t>
    </rPh>
    <rPh sb="4" eb="5">
      <t>ヒン</t>
    </rPh>
    <phoneticPr fontId="11"/>
  </si>
  <si>
    <t>各種メディア，インクカートリッジ</t>
    <rPh sb="0" eb="2">
      <t>カクシュ</t>
    </rPh>
    <phoneticPr fontId="11"/>
  </si>
  <si>
    <t>家庭用電化製品</t>
    <rPh sb="0" eb="3">
      <t>カテイヨウ</t>
    </rPh>
    <rPh sb="3" eb="5">
      <t>デンカ</t>
    </rPh>
    <rPh sb="5" eb="7">
      <t>セイヒン</t>
    </rPh>
    <phoneticPr fontId="11"/>
  </si>
  <si>
    <t>テレビ，ビデオ，家庭用冷蔵庫，レンジ，エアコン，照明器具，電池，蛍光灯</t>
    <rPh sb="8" eb="11">
      <t>カテイヨウ</t>
    </rPh>
    <rPh sb="11" eb="14">
      <t>レイゾウコ</t>
    </rPh>
    <rPh sb="24" eb="26">
      <t>ショウメイ</t>
    </rPh>
    <rPh sb="26" eb="28">
      <t>キグ</t>
    </rPh>
    <rPh sb="29" eb="31">
      <t>デンチ</t>
    </rPh>
    <rPh sb="32" eb="35">
      <t>ケイコウトウ</t>
    </rPh>
    <phoneticPr fontId="11"/>
  </si>
  <si>
    <t>視聴覚機器</t>
    <rPh sb="0" eb="3">
      <t>シチョウカク</t>
    </rPh>
    <rPh sb="3" eb="5">
      <t>キキ</t>
    </rPh>
    <phoneticPr fontId="11"/>
  </si>
  <si>
    <t>映写機，プロジェクター，スライド，スクリーン</t>
    <rPh sb="0" eb="3">
      <t>エイシャキ</t>
    </rPh>
    <phoneticPr fontId="11"/>
  </si>
  <si>
    <t>電話関係機器</t>
    <rPh sb="0" eb="2">
      <t>デンワ</t>
    </rPh>
    <rPh sb="2" eb="4">
      <t>カンケイ</t>
    </rPh>
    <rPh sb="4" eb="6">
      <t>キキ</t>
    </rPh>
    <phoneticPr fontId="11"/>
  </si>
  <si>
    <t>電話機，電話交換機</t>
    <rPh sb="0" eb="3">
      <t>デンワキ</t>
    </rPh>
    <rPh sb="4" eb="6">
      <t>デンワ</t>
    </rPh>
    <rPh sb="6" eb="9">
      <t>コウカンキ</t>
    </rPh>
    <phoneticPr fontId="11"/>
  </si>
  <si>
    <t>通信関係機器</t>
    <rPh sb="0" eb="2">
      <t>ツウシン</t>
    </rPh>
    <rPh sb="2" eb="4">
      <t>カンケイ</t>
    </rPh>
    <rPh sb="4" eb="6">
      <t>キキ</t>
    </rPh>
    <phoneticPr fontId="11"/>
  </si>
  <si>
    <t>無線通信機器</t>
    <rPh sb="0" eb="2">
      <t>ムセン</t>
    </rPh>
    <rPh sb="2" eb="4">
      <t>ツウシン</t>
    </rPh>
    <rPh sb="4" eb="6">
      <t>キキ</t>
    </rPh>
    <phoneticPr fontId="11"/>
  </si>
  <si>
    <t>13</t>
  </si>
  <si>
    <t>警報装置</t>
    <rPh sb="0" eb="2">
      <t>ケイホウ</t>
    </rPh>
    <rPh sb="2" eb="4">
      <t>ソウチ</t>
    </rPh>
    <phoneticPr fontId="11"/>
  </si>
  <si>
    <t>監視カメラ</t>
    <rPh sb="0" eb="2">
      <t>カンシ</t>
    </rPh>
    <phoneticPr fontId="11"/>
  </si>
  <si>
    <t>14</t>
  </si>
  <si>
    <t>照明機器</t>
    <rPh sb="0" eb="2">
      <t>ショウメイ</t>
    </rPh>
    <rPh sb="2" eb="4">
      <t>キキ</t>
    </rPh>
    <phoneticPr fontId="11"/>
  </si>
  <si>
    <t>舞台照明機器，屋外照明機器</t>
    <rPh sb="0" eb="2">
      <t>ブタイ</t>
    </rPh>
    <rPh sb="2" eb="4">
      <t>ショウメイ</t>
    </rPh>
    <rPh sb="4" eb="6">
      <t>キキ</t>
    </rPh>
    <rPh sb="7" eb="9">
      <t>オクガイ</t>
    </rPh>
    <rPh sb="9" eb="11">
      <t>ショウメイ</t>
    </rPh>
    <rPh sb="11" eb="13">
      <t>キキ</t>
    </rPh>
    <phoneticPr fontId="11"/>
  </si>
  <si>
    <t>E</t>
    <phoneticPr fontId="11"/>
  </si>
  <si>
    <t>写真光学機器</t>
    <rPh sb="0" eb="2">
      <t>シャシン</t>
    </rPh>
    <rPh sb="2" eb="4">
      <t>コウガク</t>
    </rPh>
    <rPh sb="4" eb="6">
      <t>キキ</t>
    </rPh>
    <phoneticPr fontId="11"/>
  </si>
  <si>
    <t>カメラ</t>
    <phoneticPr fontId="11"/>
  </si>
  <si>
    <t>カメラ，デジタルカメラ</t>
    <phoneticPr fontId="11"/>
  </si>
  <si>
    <t>ビデオカメラ</t>
    <phoneticPr fontId="11"/>
  </si>
  <si>
    <t>ビデオカメラ，デジタルビデオカメラ</t>
    <phoneticPr fontId="11"/>
  </si>
  <si>
    <t>03</t>
    <phoneticPr fontId="11"/>
  </si>
  <si>
    <t>望遠鏡</t>
    <rPh sb="0" eb="3">
      <t>ボウエンキョウ</t>
    </rPh>
    <phoneticPr fontId="11"/>
  </si>
  <si>
    <t>望遠鏡，双眼鏡</t>
    <rPh sb="0" eb="3">
      <t>ボウエンキョウ</t>
    </rPh>
    <rPh sb="4" eb="7">
      <t>ソウガンキョウ</t>
    </rPh>
    <phoneticPr fontId="11"/>
  </si>
  <si>
    <t>写真用品</t>
    <rPh sb="0" eb="2">
      <t>シャシン</t>
    </rPh>
    <rPh sb="2" eb="4">
      <t>ヨウヒン</t>
    </rPh>
    <phoneticPr fontId="11"/>
  </si>
  <si>
    <t>写真フィルム，三脚</t>
    <rPh sb="0" eb="2">
      <t>シャシン</t>
    </rPh>
    <rPh sb="7" eb="9">
      <t>サンキャク</t>
    </rPh>
    <phoneticPr fontId="11"/>
  </si>
  <si>
    <t>05</t>
    <phoneticPr fontId="11"/>
  </si>
  <si>
    <t>現像・プリント</t>
    <rPh sb="0" eb="2">
      <t>ゲンゾウ</t>
    </rPh>
    <phoneticPr fontId="11"/>
  </si>
  <si>
    <t>現像，焼き付け，引き伸ばし※撮影は委託役務</t>
    <rPh sb="0" eb="2">
      <t>ゲンゾウ</t>
    </rPh>
    <rPh sb="3" eb="4">
      <t>ヤ</t>
    </rPh>
    <rPh sb="5" eb="6">
      <t>ツ</t>
    </rPh>
    <rPh sb="8" eb="9">
      <t>ヒ</t>
    </rPh>
    <rPh sb="10" eb="11">
      <t>ノ</t>
    </rPh>
    <rPh sb="14" eb="16">
      <t>サツエイ</t>
    </rPh>
    <rPh sb="17" eb="19">
      <t>イタク</t>
    </rPh>
    <rPh sb="19" eb="21">
      <t>エキム</t>
    </rPh>
    <phoneticPr fontId="11"/>
  </si>
  <si>
    <t>F</t>
    <phoneticPr fontId="11"/>
  </si>
  <si>
    <t>医療・理化学機器</t>
    <rPh sb="0" eb="2">
      <t>イリョウ</t>
    </rPh>
    <rPh sb="3" eb="6">
      <t>リカガク</t>
    </rPh>
    <rPh sb="6" eb="8">
      <t>キキ</t>
    </rPh>
    <phoneticPr fontId="11"/>
  </si>
  <si>
    <t>生体検査機器</t>
    <rPh sb="0" eb="2">
      <t>セイタイ</t>
    </rPh>
    <rPh sb="2" eb="4">
      <t>ケンサ</t>
    </rPh>
    <rPh sb="4" eb="6">
      <t>キキ</t>
    </rPh>
    <phoneticPr fontId="11"/>
  </si>
  <si>
    <t>心電計，脳波計，内視鏡，超音波診断装置，医療用光学機器</t>
    <rPh sb="0" eb="3">
      <t>シンデンケイ</t>
    </rPh>
    <rPh sb="4" eb="5">
      <t>ノウ</t>
    </rPh>
    <rPh sb="5" eb="6">
      <t>ナミ</t>
    </rPh>
    <rPh sb="6" eb="7">
      <t>ケイ</t>
    </rPh>
    <rPh sb="8" eb="11">
      <t>ナイシキョウ</t>
    </rPh>
    <rPh sb="12" eb="15">
      <t>チョウオンパ</t>
    </rPh>
    <rPh sb="15" eb="17">
      <t>シンダン</t>
    </rPh>
    <rPh sb="17" eb="19">
      <t>ソウチ</t>
    </rPh>
    <rPh sb="20" eb="23">
      <t>イリョウヨウ</t>
    </rPh>
    <rPh sb="23" eb="25">
      <t>コウガク</t>
    </rPh>
    <rPh sb="25" eb="27">
      <t>キキ</t>
    </rPh>
    <phoneticPr fontId="11"/>
  </si>
  <si>
    <t>【任意】高度管理医療機器等販売業許可
【任意】管理医療機器販売業届出
【任意】医療機器修理業許可
【任意】特定計量器販売事業届出
【任意】特定計量器修理事業届出</t>
    <rPh sb="4" eb="6">
      <t>コウド</t>
    </rPh>
    <rPh sb="6" eb="8">
      <t>カンリ</t>
    </rPh>
    <rPh sb="8" eb="10">
      <t>イリョウ</t>
    </rPh>
    <rPh sb="10" eb="12">
      <t>キキ</t>
    </rPh>
    <rPh sb="12" eb="13">
      <t>トウ</t>
    </rPh>
    <rPh sb="13" eb="16">
      <t>ハンバイギョウ</t>
    </rPh>
    <rPh sb="16" eb="18">
      <t>キョカ</t>
    </rPh>
    <rPh sb="23" eb="25">
      <t>カンリ</t>
    </rPh>
    <rPh sb="25" eb="27">
      <t>イリョウ</t>
    </rPh>
    <rPh sb="27" eb="29">
      <t>キキ</t>
    </rPh>
    <rPh sb="29" eb="32">
      <t>ハンバイギョウ</t>
    </rPh>
    <rPh sb="32" eb="34">
      <t>トドケデ</t>
    </rPh>
    <rPh sb="36" eb="38">
      <t>ニンイ</t>
    </rPh>
    <rPh sb="39" eb="41">
      <t>イリョウ</t>
    </rPh>
    <rPh sb="41" eb="43">
      <t>キキ</t>
    </rPh>
    <rPh sb="43" eb="45">
      <t>シュウリ</t>
    </rPh>
    <rPh sb="45" eb="46">
      <t>ギョウ</t>
    </rPh>
    <rPh sb="46" eb="48">
      <t>キョカ</t>
    </rPh>
    <rPh sb="53" eb="55">
      <t>トクテイ</t>
    </rPh>
    <rPh sb="55" eb="57">
      <t>ケイリョウ</t>
    </rPh>
    <rPh sb="57" eb="58">
      <t>キ</t>
    </rPh>
    <rPh sb="58" eb="60">
      <t>ハンバイ</t>
    </rPh>
    <rPh sb="60" eb="62">
      <t>ジギョウ</t>
    </rPh>
    <rPh sb="62" eb="64">
      <t>トドケデ</t>
    </rPh>
    <rPh sb="69" eb="71">
      <t>トクテイ</t>
    </rPh>
    <rPh sb="71" eb="73">
      <t>ケイリョウ</t>
    </rPh>
    <rPh sb="73" eb="74">
      <t>キ</t>
    </rPh>
    <rPh sb="74" eb="76">
      <t>シュウリ</t>
    </rPh>
    <rPh sb="76" eb="78">
      <t>ジギョウ</t>
    </rPh>
    <rPh sb="78" eb="80">
      <t>トドケデ</t>
    </rPh>
    <phoneticPr fontId="11"/>
  </si>
  <si>
    <t>検体検査機器</t>
    <rPh sb="0" eb="2">
      <t>ケンタイ</t>
    </rPh>
    <rPh sb="2" eb="4">
      <t>ケンサ</t>
    </rPh>
    <rPh sb="4" eb="6">
      <t>キキ</t>
    </rPh>
    <phoneticPr fontId="11"/>
  </si>
  <si>
    <t>血液成分分析，尿検査機器，遠心分離機</t>
    <rPh sb="0" eb="2">
      <t>ケツエキ</t>
    </rPh>
    <rPh sb="2" eb="4">
      <t>セイブン</t>
    </rPh>
    <rPh sb="4" eb="6">
      <t>ブンセキ</t>
    </rPh>
    <rPh sb="7" eb="10">
      <t>ニョウケンサ</t>
    </rPh>
    <rPh sb="10" eb="12">
      <t>キキ</t>
    </rPh>
    <rPh sb="13" eb="15">
      <t>エンシン</t>
    </rPh>
    <rPh sb="15" eb="18">
      <t>ブンリキ</t>
    </rPh>
    <phoneticPr fontId="11"/>
  </si>
  <si>
    <t>治療用機器</t>
    <rPh sb="0" eb="3">
      <t>チリョウヨウ</t>
    </rPh>
    <rPh sb="3" eb="5">
      <t>キキ</t>
    </rPh>
    <phoneticPr fontId="11"/>
  </si>
  <si>
    <t>人工臓器，透析機器，超音波治療器，ＡＥＤ</t>
    <rPh sb="0" eb="2">
      <t>ジンコウ</t>
    </rPh>
    <rPh sb="2" eb="4">
      <t>ゾウキ</t>
    </rPh>
    <rPh sb="5" eb="7">
      <t>トウセキ</t>
    </rPh>
    <rPh sb="7" eb="9">
      <t>キキ</t>
    </rPh>
    <rPh sb="10" eb="13">
      <t>チョウオンパ</t>
    </rPh>
    <rPh sb="13" eb="16">
      <t>チリョウキ</t>
    </rPh>
    <phoneticPr fontId="11"/>
  </si>
  <si>
    <t>放射線関連機器</t>
    <rPh sb="0" eb="3">
      <t>ホウシャセン</t>
    </rPh>
    <rPh sb="3" eb="5">
      <t>カンレン</t>
    </rPh>
    <rPh sb="5" eb="7">
      <t>キキ</t>
    </rPh>
    <phoneticPr fontId="11"/>
  </si>
  <si>
    <t>Ｘ線撮影・断層装置</t>
    <rPh sb="1" eb="2">
      <t>セン</t>
    </rPh>
    <rPh sb="2" eb="4">
      <t>サツエイ</t>
    </rPh>
    <rPh sb="5" eb="7">
      <t>ダンソウ</t>
    </rPh>
    <rPh sb="7" eb="9">
      <t>ソウチ</t>
    </rPh>
    <phoneticPr fontId="11"/>
  </si>
  <si>
    <t>手術関連機器</t>
    <rPh sb="0" eb="2">
      <t>シュジュツ</t>
    </rPh>
    <rPh sb="2" eb="4">
      <t>カンレン</t>
    </rPh>
    <rPh sb="4" eb="6">
      <t>キキ</t>
    </rPh>
    <phoneticPr fontId="11"/>
  </si>
  <si>
    <t>麻酔機器，電気メス</t>
    <rPh sb="0" eb="2">
      <t>マスイ</t>
    </rPh>
    <rPh sb="2" eb="4">
      <t>キキ</t>
    </rPh>
    <rPh sb="5" eb="7">
      <t>デンキ</t>
    </rPh>
    <phoneticPr fontId="11"/>
  </si>
  <si>
    <t>看護・介護用機器</t>
    <rPh sb="0" eb="2">
      <t>カンゴ</t>
    </rPh>
    <rPh sb="3" eb="6">
      <t>カイゴヨウ</t>
    </rPh>
    <rPh sb="6" eb="8">
      <t>キキ</t>
    </rPh>
    <phoneticPr fontId="11"/>
  </si>
  <si>
    <t>車椅子</t>
    <rPh sb="0" eb="3">
      <t>クルマイス</t>
    </rPh>
    <phoneticPr fontId="11"/>
  </si>
  <si>
    <t>調剤機器</t>
    <rPh sb="0" eb="2">
      <t>チョウザイ</t>
    </rPh>
    <rPh sb="2" eb="4">
      <t>キキ</t>
    </rPh>
    <phoneticPr fontId="11"/>
  </si>
  <si>
    <t>分包機</t>
    <rPh sb="0" eb="1">
      <t>ブン</t>
    </rPh>
    <rPh sb="1" eb="2">
      <t>ツツ</t>
    </rPh>
    <rPh sb="2" eb="3">
      <t>キ</t>
    </rPh>
    <phoneticPr fontId="11"/>
  </si>
  <si>
    <t>歯科用機器</t>
    <rPh sb="0" eb="2">
      <t>シカ</t>
    </rPh>
    <rPh sb="2" eb="3">
      <t>ヨウ</t>
    </rPh>
    <rPh sb="3" eb="5">
      <t>キキ</t>
    </rPh>
    <phoneticPr fontId="11"/>
  </si>
  <si>
    <t>その他医療機器</t>
    <rPh sb="2" eb="3">
      <t>タ</t>
    </rPh>
    <rPh sb="3" eb="5">
      <t>イリョウ</t>
    </rPh>
    <rPh sb="5" eb="7">
      <t>キキ</t>
    </rPh>
    <phoneticPr fontId="11"/>
  </si>
  <si>
    <t>気体分析機器</t>
    <rPh sb="0" eb="2">
      <t>キタイ</t>
    </rPh>
    <rPh sb="2" eb="4">
      <t>ブンセキ</t>
    </rPh>
    <rPh sb="4" eb="6">
      <t>キキ</t>
    </rPh>
    <phoneticPr fontId="11"/>
  </si>
  <si>
    <t>ガスクロマトグラフ</t>
    <phoneticPr fontId="11"/>
  </si>
  <si>
    <t>液体分析機器</t>
    <rPh sb="0" eb="2">
      <t>エキタイ</t>
    </rPh>
    <rPh sb="2" eb="4">
      <t>ブンセキ</t>
    </rPh>
    <rPh sb="4" eb="6">
      <t>キキ</t>
    </rPh>
    <phoneticPr fontId="11"/>
  </si>
  <si>
    <t>液体クロマトグラフ</t>
    <rPh sb="0" eb="2">
      <t>エキタイ</t>
    </rPh>
    <phoneticPr fontId="11"/>
  </si>
  <si>
    <t>光学分析機器</t>
    <rPh sb="0" eb="2">
      <t>コウガク</t>
    </rPh>
    <rPh sb="2" eb="4">
      <t>ブンセキ</t>
    </rPh>
    <rPh sb="4" eb="6">
      <t>キキ</t>
    </rPh>
    <phoneticPr fontId="11"/>
  </si>
  <si>
    <t>その他分析機器</t>
    <rPh sb="2" eb="3">
      <t>タ</t>
    </rPh>
    <rPh sb="3" eb="5">
      <t>ブンセキ</t>
    </rPh>
    <rPh sb="5" eb="7">
      <t>キキ</t>
    </rPh>
    <phoneticPr fontId="11"/>
  </si>
  <si>
    <t>試験研究機器</t>
    <rPh sb="0" eb="2">
      <t>シケン</t>
    </rPh>
    <rPh sb="2" eb="4">
      <t>ケンキュウ</t>
    </rPh>
    <rPh sb="4" eb="6">
      <t>キキ</t>
    </rPh>
    <phoneticPr fontId="11"/>
  </si>
  <si>
    <t>15</t>
  </si>
  <si>
    <t>顕微鏡</t>
    <rPh sb="0" eb="3">
      <t>ケンビキョウ</t>
    </rPh>
    <phoneticPr fontId="11"/>
  </si>
  <si>
    <t>顕微鏡，電子顕微鏡</t>
    <rPh sb="0" eb="3">
      <t>ケンビキョウ</t>
    </rPh>
    <rPh sb="4" eb="6">
      <t>デンシ</t>
    </rPh>
    <rPh sb="6" eb="9">
      <t>ケンビキョウ</t>
    </rPh>
    <phoneticPr fontId="11"/>
  </si>
  <si>
    <t>16</t>
  </si>
  <si>
    <t>気象用計測機器</t>
    <rPh sb="0" eb="3">
      <t>キショウヨウ</t>
    </rPh>
    <rPh sb="3" eb="5">
      <t>ケイソク</t>
    </rPh>
    <rPh sb="5" eb="7">
      <t>キキ</t>
    </rPh>
    <phoneticPr fontId="11"/>
  </si>
  <si>
    <t>17</t>
  </si>
  <si>
    <t>測量用計測機器</t>
    <rPh sb="0" eb="3">
      <t>ソクリョウヨウ</t>
    </rPh>
    <rPh sb="3" eb="5">
      <t>ケイソク</t>
    </rPh>
    <rPh sb="5" eb="7">
      <t>キキ</t>
    </rPh>
    <phoneticPr fontId="11"/>
  </si>
  <si>
    <t>18</t>
  </si>
  <si>
    <t>大気測定機器</t>
    <rPh sb="0" eb="2">
      <t>タイキ</t>
    </rPh>
    <rPh sb="2" eb="4">
      <t>ソクテイ</t>
    </rPh>
    <rPh sb="4" eb="6">
      <t>キキ</t>
    </rPh>
    <phoneticPr fontId="11"/>
  </si>
  <si>
    <t>19</t>
  </si>
  <si>
    <t>水質測定機器</t>
    <rPh sb="0" eb="2">
      <t>スイシツ</t>
    </rPh>
    <rPh sb="2" eb="4">
      <t>ソクテイ</t>
    </rPh>
    <rPh sb="4" eb="6">
      <t>キキ</t>
    </rPh>
    <phoneticPr fontId="11"/>
  </si>
  <si>
    <t>20</t>
  </si>
  <si>
    <t>振動・音響測定機器</t>
    <rPh sb="0" eb="2">
      <t>シンドウ</t>
    </rPh>
    <rPh sb="3" eb="5">
      <t>オンキョウ</t>
    </rPh>
    <rPh sb="5" eb="7">
      <t>ソクテイ</t>
    </rPh>
    <rPh sb="7" eb="9">
      <t>キキ</t>
    </rPh>
    <phoneticPr fontId="11"/>
  </si>
  <si>
    <t>21</t>
  </si>
  <si>
    <t>放射線測定機器</t>
    <rPh sb="0" eb="3">
      <t>ホウシャセン</t>
    </rPh>
    <rPh sb="3" eb="5">
      <t>ソクテイ</t>
    </rPh>
    <rPh sb="5" eb="7">
      <t>キキ</t>
    </rPh>
    <phoneticPr fontId="11"/>
  </si>
  <si>
    <t>22</t>
  </si>
  <si>
    <t>電気・磁気測定機器</t>
    <rPh sb="0" eb="2">
      <t>デンキ</t>
    </rPh>
    <rPh sb="3" eb="5">
      <t>ジキ</t>
    </rPh>
    <rPh sb="5" eb="7">
      <t>ソクテイ</t>
    </rPh>
    <rPh sb="7" eb="9">
      <t>キキ</t>
    </rPh>
    <phoneticPr fontId="11"/>
  </si>
  <si>
    <t>23</t>
  </si>
  <si>
    <t>速度測定機器</t>
    <rPh sb="0" eb="2">
      <t>ソクド</t>
    </rPh>
    <rPh sb="2" eb="4">
      <t>ソクテイ</t>
    </rPh>
    <rPh sb="4" eb="6">
      <t>キキ</t>
    </rPh>
    <phoneticPr fontId="11"/>
  </si>
  <si>
    <t>24</t>
  </si>
  <si>
    <t>超音波測定機器</t>
    <rPh sb="0" eb="3">
      <t>チョウオンパ</t>
    </rPh>
    <rPh sb="3" eb="5">
      <t>ソクテイ</t>
    </rPh>
    <rPh sb="5" eb="7">
      <t>キキ</t>
    </rPh>
    <phoneticPr fontId="11"/>
  </si>
  <si>
    <t>G</t>
    <phoneticPr fontId="11"/>
  </si>
  <si>
    <t>その他機械器具</t>
    <rPh sb="2" eb="3">
      <t>タ</t>
    </rPh>
    <rPh sb="3" eb="5">
      <t>キカイ</t>
    </rPh>
    <rPh sb="5" eb="7">
      <t>キグ</t>
    </rPh>
    <phoneticPr fontId="11"/>
  </si>
  <si>
    <t>厨房用調理器</t>
    <rPh sb="0" eb="2">
      <t>チュウボウ</t>
    </rPh>
    <rPh sb="2" eb="3">
      <t>ヨウ</t>
    </rPh>
    <rPh sb="3" eb="6">
      <t>チョウリキ</t>
    </rPh>
    <phoneticPr fontId="11"/>
  </si>
  <si>
    <t>フライヤー，オーブン，炊飯器</t>
    <rPh sb="11" eb="14">
      <t>スイハンキ</t>
    </rPh>
    <phoneticPr fontId="11"/>
  </si>
  <si>
    <t>調理台・流し台</t>
    <rPh sb="0" eb="2">
      <t>チョウリ</t>
    </rPh>
    <rPh sb="2" eb="3">
      <t>ダイ</t>
    </rPh>
    <rPh sb="4" eb="5">
      <t>ナガ</t>
    </rPh>
    <rPh sb="6" eb="7">
      <t>ダイ</t>
    </rPh>
    <phoneticPr fontId="11"/>
  </si>
  <si>
    <t>厨房用洗浄・消毒機器</t>
    <rPh sb="0" eb="2">
      <t>チュウボウ</t>
    </rPh>
    <rPh sb="2" eb="3">
      <t>ヨウ</t>
    </rPh>
    <rPh sb="3" eb="5">
      <t>センジョウ</t>
    </rPh>
    <rPh sb="6" eb="8">
      <t>ショウドク</t>
    </rPh>
    <rPh sb="8" eb="10">
      <t>キキ</t>
    </rPh>
    <phoneticPr fontId="11"/>
  </si>
  <si>
    <t>食器洗浄器，食器乾燥機</t>
    <rPh sb="0" eb="2">
      <t>ショッキ</t>
    </rPh>
    <rPh sb="2" eb="4">
      <t>センジョウ</t>
    </rPh>
    <rPh sb="4" eb="5">
      <t>キ</t>
    </rPh>
    <rPh sb="6" eb="8">
      <t>ショッキ</t>
    </rPh>
    <rPh sb="8" eb="11">
      <t>カンソウキ</t>
    </rPh>
    <phoneticPr fontId="11"/>
  </si>
  <si>
    <t>厨房用冷凍・冷蔵機器</t>
    <rPh sb="0" eb="2">
      <t>チュウボウ</t>
    </rPh>
    <rPh sb="2" eb="3">
      <t>ヨウ</t>
    </rPh>
    <rPh sb="3" eb="5">
      <t>レイトウ</t>
    </rPh>
    <rPh sb="6" eb="8">
      <t>レイゾウ</t>
    </rPh>
    <rPh sb="8" eb="10">
      <t>キキ</t>
    </rPh>
    <phoneticPr fontId="11"/>
  </si>
  <si>
    <t>冷凍庫，冷蔵庫，温蔵庫</t>
    <rPh sb="0" eb="3">
      <t>レイトウコ</t>
    </rPh>
    <rPh sb="4" eb="7">
      <t>レイゾウコ</t>
    </rPh>
    <rPh sb="8" eb="9">
      <t>アツシ</t>
    </rPh>
    <rPh sb="9" eb="10">
      <t>クラ</t>
    </rPh>
    <rPh sb="10" eb="11">
      <t>コ</t>
    </rPh>
    <phoneticPr fontId="11"/>
  </si>
  <si>
    <t>厨房用給湯器</t>
    <rPh sb="0" eb="2">
      <t>チュウボウ</t>
    </rPh>
    <rPh sb="2" eb="3">
      <t>ヨウ</t>
    </rPh>
    <rPh sb="3" eb="6">
      <t>キュウトウキ</t>
    </rPh>
    <phoneticPr fontId="11"/>
  </si>
  <si>
    <t>その他厨房機器</t>
    <rPh sb="2" eb="3">
      <t>タ</t>
    </rPh>
    <rPh sb="3" eb="5">
      <t>チュウボウ</t>
    </rPh>
    <rPh sb="5" eb="7">
      <t>キキ</t>
    </rPh>
    <phoneticPr fontId="11"/>
  </si>
  <si>
    <t>建設用機器</t>
    <rPh sb="0" eb="2">
      <t>ケンセツ</t>
    </rPh>
    <rPh sb="2" eb="3">
      <t>ヨウ</t>
    </rPh>
    <rPh sb="3" eb="5">
      <t>キキ</t>
    </rPh>
    <phoneticPr fontId="11"/>
  </si>
  <si>
    <t>ブルドーザー，ショベルカー，グレーダ，クレーン，ミキサー，削岩機</t>
    <rPh sb="29" eb="32">
      <t>サクガンキ</t>
    </rPh>
    <phoneticPr fontId="11"/>
  </si>
  <si>
    <t>農業用機器</t>
    <rPh sb="0" eb="2">
      <t>ノウギョウ</t>
    </rPh>
    <rPh sb="2" eb="3">
      <t>ヨウ</t>
    </rPh>
    <rPh sb="3" eb="5">
      <t>キキ</t>
    </rPh>
    <phoneticPr fontId="11"/>
  </si>
  <si>
    <t>トラクター，コンバイン，芝刈り機，草刈機</t>
    <rPh sb="12" eb="14">
      <t>シバカ</t>
    </rPh>
    <rPh sb="15" eb="16">
      <t>キ</t>
    </rPh>
    <rPh sb="17" eb="19">
      <t>クサカリ</t>
    </rPh>
    <rPh sb="19" eb="20">
      <t>キ</t>
    </rPh>
    <phoneticPr fontId="11"/>
  </si>
  <si>
    <t>畜産用機器</t>
    <rPh sb="0" eb="2">
      <t>チクサン</t>
    </rPh>
    <rPh sb="2" eb="3">
      <t>ヨウ</t>
    </rPh>
    <rPh sb="3" eb="5">
      <t>キキ</t>
    </rPh>
    <phoneticPr fontId="11"/>
  </si>
  <si>
    <t>畜産用機器，養鶏用機器</t>
    <rPh sb="0" eb="3">
      <t>チクサンヨウ</t>
    </rPh>
    <rPh sb="3" eb="5">
      <t>キキ</t>
    </rPh>
    <rPh sb="6" eb="9">
      <t>ヨウケイヨウ</t>
    </rPh>
    <rPh sb="9" eb="11">
      <t>キキ</t>
    </rPh>
    <phoneticPr fontId="11"/>
  </si>
  <si>
    <t>林産用機器</t>
    <rPh sb="0" eb="2">
      <t>リンサン</t>
    </rPh>
    <rPh sb="2" eb="3">
      <t>ヨウ</t>
    </rPh>
    <rPh sb="3" eb="5">
      <t>キキ</t>
    </rPh>
    <phoneticPr fontId="11"/>
  </si>
  <si>
    <t>林産用機器，木工機器</t>
    <rPh sb="0" eb="2">
      <t>リンサン</t>
    </rPh>
    <rPh sb="2" eb="3">
      <t>ヨウ</t>
    </rPh>
    <rPh sb="3" eb="5">
      <t>キキ</t>
    </rPh>
    <rPh sb="6" eb="8">
      <t>モッコウ</t>
    </rPh>
    <rPh sb="8" eb="10">
      <t>キキ</t>
    </rPh>
    <phoneticPr fontId="11"/>
  </si>
  <si>
    <t>水産用機器</t>
    <rPh sb="0" eb="2">
      <t>スイサン</t>
    </rPh>
    <rPh sb="2" eb="3">
      <t>ヨウ</t>
    </rPh>
    <rPh sb="3" eb="5">
      <t>キキ</t>
    </rPh>
    <phoneticPr fontId="11"/>
  </si>
  <si>
    <t>ブイ，漁具，魚網，水槽</t>
    <rPh sb="3" eb="5">
      <t>ギョグ</t>
    </rPh>
    <rPh sb="6" eb="7">
      <t>ギョ</t>
    </rPh>
    <rPh sb="7" eb="8">
      <t>アミ</t>
    </rPh>
    <rPh sb="9" eb="11">
      <t>スイソウ</t>
    </rPh>
    <phoneticPr fontId="11"/>
  </si>
  <si>
    <t>食品加工機器</t>
    <rPh sb="0" eb="2">
      <t>ショクヒン</t>
    </rPh>
    <rPh sb="2" eb="4">
      <t>カコウ</t>
    </rPh>
    <rPh sb="4" eb="6">
      <t>キキ</t>
    </rPh>
    <phoneticPr fontId="11"/>
  </si>
  <si>
    <t>工作機械</t>
    <rPh sb="0" eb="2">
      <t>コウサク</t>
    </rPh>
    <rPh sb="2" eb="4">
      <t>キカイ</t>
    </rPh>
    <phoneticPr fontId="11"/>
  </si>
  <si>
    <t>旋盤，研削機，切断機，電動工具，溶接機</t>
    <rPh sb="0" eb="2">
      <t>センバン</t>
    </rPh>
    <rPh sb="3" eb="5">
      <t>ケンサク</t>
    </rPh>
    <rPh sb="5" eb="6">
      <t>キ</t>
    </rPh>
    <rPh sb="7" eb="10">
      <t>セツダンキ</t>
    </rPh>
    <rPh sb="11" eb="13">
      <t>デンドウ</t>
    </rPh>
    <rPh sb="13" eb="15">
      <t>コウグ</t>
    </rPh>
    <rPh sb="16" eb="18">
      <t>ヨウセツ</t>
    </rPh>
    <rPh sb="18" eb="19">
      <t>キ</t>
    </rPh>
    <phoneticPr fontId="11"/>
  </si>
  <si>
    <t>各種産業機器</t>
    <rPh sb="0" eb="2">
      <t>カクシュ</t>
    </rPh>
    <rPh sb="2" eb="4">
      <t>サンギョウ</t>
    </rPh>
    <rPh sb="4" eb="6">
      <t>キキ</t>
    </rPh>
    <phoneticPr fontId="11"/>
  </si>
  <si>
    <t>ボイラー</t>
    <phoneticPr fontId="11"/>
  </si>
  <si>
    <t>発電機器</t>
    <rPh sb="0" eb="2">
      <t>ハツデン</t>
    </rPh>
    <rPh sb="2" eb="4">
      <t>キキ</t>
    </rPh>
    <phoneticPr fontId="11"/>
  </si>
  <si>
    <t>エンジン</t>
    <phoneticPr fontId="11"/>
  </si>
  <si>
    <t>ポンプ</t>
    <phoneticPr fontId="11"/>
  </si>
  <si>
    <t>ストーブ</t>
    <phoneticPr fontId="11"/>
  </si>
  <si>
    <t>ポット式ストーブ，その他ストーブ</t>
    <rPh sb="3" eb="4">
      <t>シキ</t>
    </rPh>
    <rPh sb="11" eb="12">
      <t>タ</t>
    </rPh>
    <phoneticPr fontId="11"/>
  </si>
  <si>
    <t>空調機器</t>
    <rPh sb="0" eb="2">
      <t>クウチョウ</t>
    </rPh>
    <rPh sb="2" eb="4">
      <t>キキ</t>
    </rPh>
    <phoneticPr fontId="11"/>
  </si>
  <si>
    <t>空調機，空気清浄機</t>
    <rPh sb="0" eb="3">
      <t>クウチョウキ</t>
    </rPh>
    <rPh sb="4" eb="6">
      <t>クウキ</t>
    </rPh>
    <rPh sb="6" eb="8">
      <t>セイジョウ</t>
    </rPh>
    <rPh sb="8" eb="9">
      <t>キ</t>
    </rPh>
    <phoneticPr fontId="11"/>
  </si>
  <si>
    <t>給排水機器</t>
    <rPh sb="0" eb="3">
      <t>キュウハイスイ</t>
    </rPh>
    <rPh sb="3" eb="5">
      <t>キキ</t>
    </rPh>
    <phoneticPr fontId="11"/>
  </si>
  <si>
    <t>焼却炉</t>
    <rPh sb="0" eb="3">
      <t>ショウキャクロ</t>
    </rPh>
    <phoneticPr fontId="11"/>
  </si>
  <si>
    <t>Ｈ</t>
    <phoneticPr fontId="11"/>
  </si>
  <si>
    <t>車両・船舶</t>
    <rPh sb="3" eb="5">
      <t>センパク</t>
    </rPh>
    <phoneticPr fontId="11"/>
  </si>
  <si>
    <t>乗用車・バス</t>
    <rPh sb="0" eb="3">
      <t>ジョウヨウシャ</t>
    </rPh>
    <phoneticPr fontId="11"/>
  </si>
  <si>
    <t>小型乗用車，普通乗用車，バス</t>
    <rPh sb="0" eb="2">
      <t>コガタ</t>
    </rPh>
    <rPh sb="2" eb="5">
      <t>ジョウヨウシャ</t>
    </rPh>
    <rPh sb="6" eb="8">
      <t>フツウ</t>
    </rPh>
    <rPh sb="8" eb="11">
      <t>ジョウヨウシャ</t>
    </rPh>
    <phoneticPr fontId="11"/>
  </si>
  <si>
    <t>「07車両整備」のみ
　【必須】自動車分解整備事業認証
　【任意】指定自動車整備事業指定</t>
    <rPh sb="3" eb="5">
      <t>シャリョウ</t>
    </rPh>
    <rPh sb="5" eb="7">
      <t>セイビ</t>
    </rPh>
    <rPh sb="16" eb="19">
      <t>ジドウシャ</t>
    </rPh>
    <rPh sb="19" eb="21">
      <t>ブンカイ</t>
    </rPh>
    <rPh sb="21" eb="23">
      <t>セイビ</t>
    </rPh>
    <rPh sb="23" eb="25">
      <t>ジギョウ</t>
    </rPh>
    <rPh sb="25" eb="27">
      <t>ニンショウ</t>
    </rPh>
    <rPh sb="33" eb="35">
      <t>シテイ</t>
    </rPh>
    <rPh sb="35" eb="38">
      <t>ジドウシャ</t>
    </rPh>
    <rPh sb="38" eb="40">
      <t>セイビ</t>
    </rPh>
    <rPh sb="40" eb="42">
      <t>ジギョウ</t>
    </rPh>
    <rPh sb="42" eb="44">
      <t>シテイ</t>
    </rPh>
    <phoneticPr fontId="11"/>
  </si>
  <si>
    <t>貨物自動車</t>
    <rPh sb="0" eb="2">
      <t>カモツ</t>
    </rPh>
    <rPh sb="2" eb="5">
      <t>ジドウシャ</t>
    </rPh>
    <phoneticPr fontId="11"/>
  </si>
  <si>
    <t>ライトバン，トラック</t>
    <phoneticPr fontId="11"/>
  </si>
  <si>
    <t>自動二輪車</t>
    <rPh sb="0" eb="2">
      <t>ジドウ</t>
    </rPh>
    <rPh sb="2" eb="5">
      <t>ニリンシャ</t>
    </rPh>
    <phoneticPr fontId="11"/>
  </si>
  <si>
    <t>特殊車両</t>
    <rPh sb="0" eb="2">
      <t>トクシュ</t>
    </rPh>
    <rPh sb="2" eb="4">
      <t>シャリョウ</t>
    </rPh>
    <phoneticPr fontId="11"/>
  </si>
  <si>
    <t>除雪車，除雪トラック，凍結防止剤散布車，フォークリフト</t>
    <rPh sb="0" eb="3">
      <t>ジョセツシャ</t>
    </rPh>
    <rPh sb="4" eb="6">
      <t>ジョセツ</t>
    </rPh>
    <rPh sb="11" eb="13">
      <t>トウケツ</t>
    </rPh>
    <rPh sb="13" eb="16">
      <t>ボウシザイ</t>
    </rPh>
    <rPh sb="16" eb="18">
      <t>サンプ</t>
    </rPh>
    <rPh sb="18" eb="19">
      <t>シャ</t>
    </rPh>
    <phoneticPr fontId="11"/>
  </si>
  <si>
    <t>自転車</t>
    <rPh sb="0" eb="3">
      <t>ジテンシャ</t>
    </rPh>
    <phoneticPr fontId="11"/>
  </si>
  <si>
    <t>車両部品</t>
    <rPh sb="0" eb="2">
      <t>シャリョウ</t>
    </rPh>
    <rPh sb="2" eb="4">
      <t>ブヒン</t>
    </rPh>
    <phoneticPr fontId="11"/>
  </si>
  <si>
    <t>タイヤ，バッテリー，ワックス，カーナビ，ＥＴＣ，車両用品</t>
    <rPh sb="24" eb="26">
      <t>シャリョウ</t>
    </rPh>
    <rPh sb="26" eb="28">
      <t>ヨウヒン</t>
    </rPh>
    <phoneticPr fontId="11"/>
  </si>
  <si>
    <t>車両整備</t>
    <rPh sb="0" eb="2">
      <t>シャリョウ</t>
    </rPh>
    <rPh sb="2" eb="4">
      <t>セイビ</t>
    </rPh>
    <phoneticPr fontId="11"/>
  </si>
  <si>
    <t>普通・小型・軽自動車の車両整備，車検</t>
    <rPh sb="0" eb="2">
      <t>フツウ</t>
    </rPh>
    <rPh sb="3" eb="5">
      <t>コガタ</t>
    </rPh>
    <rPh sb="6" eb="7">
      <t>カル</t>
    </rPh>
    <rPh sb="7" eb="10">
      <t>ジドウシャ</t>
    </rPh>
    <rPh sb="11" eb="13">
      <t>シャリョウ</t>
    </rPh>
    <rPh sb="13" eb="15">
      <t>セイビ</t>
    </rPh>
    <rPh sb="16" eb="18">
      <t>シャケン</t>
    </rPh>
    <phoneticPr fontId="11"/>
  </si>
  <si>
    <t>船舶</t>
    <phoneticPr fontId="11"/>
  </si>
  <si>
    <t>モーターボート，ヨット，カヌー</t>
    <phoneticPr fontId="11"/>
  </si>
  <si>
    <t>船舶部品</t>
    <rPh sb="0" eb="2">
      <t>センパク</t>
    </rPh>
    <rPh sb="2" eb="4">
      <t>ブヒン</t>
    </rPh>
    <phoneticPr fontId="11"/>
  </si>
  <si>
    <t>船舶部品，船舶用具，船舶用品</t>
    <rPh sb="0" eb="2">
      <t>センパク</t>
    </rPh>
    <rPh sb="2" eb="4">
      <t>ブヒン</t>
    </rPh>
    <rPh sb="5" eb="7">
      <t>センパク</t>
    </rPh>
    <rPh sb="7" eb="9">
      <t>ヨウグ</t>
    </rPh>
    <rPh sb="10" eb="12">
      <t>センパク</t>
    </rPh>
    <rPh sb="12" eb="14">
      <t>ヨウヒン</t>
    </rPh>
    <phoneticPr fontId="11"/>
  </si>
  <si>
    <t>航空機</t>
    <rPh sb="0" eb="3">
      <t>コウクウキ</t>
    </rPh>
    <phoneticPr fontId="11"/>
  </si>
  <si>
    <t>飛行機，ヘリコプター</t>
    <rPh sb="0" eb="3">
      <t>ヒコウキ</t>
    </rPh>
    <phoneticPr fontId="11"/>
  </si>
  <si>
    <t>航空機部品</t>
    <rPh sb="0" eb="3">
      <t>コウクウキ</t>
    </rPh>
    <rPh sb="3" eb="5">
      <t>ブヒン</t>
    </rPh>
    <phoneticPr fontId="11"/>
  </si>
  <si>
    <t>その他整備（自動車分解整備事業に該当しないもの）</t>
    <rPh sb="2" eb="3">
      <t>タ</t>
    </rPh>
    <rPh sb="3" eb="5">
      <t>セイビ</t>
    </rPh>
    <rPh sb="6" eb="9">
      <t>ジドウシャ</t>
    </rPh>
    <rPh sb="9" eb="11">
      <t>ブンカイ</t>
    </rPh>
    <rPh sb="11" eb="13">
      <t>セイビ</t>
    </rPh>
    <rPh sb="13" eb="15">
      <t>ジギョウ</t>
    </rPh>
    <rPh sb="16" eb="18">
      <t>ガイトウ</t>
    </rPh>
    <phoneticPr fontId="11"/>
  </si>
  <si>
    <t>Ｉ</t>
    <phoneticPr fontId="11"/>
  </si>
  <si>
    <t>医薬品・産業薬品</t>
    <rPh sb="0" eb="3">
      <t>イヤクヒン</t>
    </rPh>
    <rPh sb="4" eb="6">
      <t>サンギョウ</t>
    </rPh>
    <rPh sb="6" eb="8">
      <t>ヤクヒン</t>
    </rPh>
    <phoneticPr fontId="11"/>
  </si>
  <si>
    <t>医療用医薬品</t>
    <rPh sb="0" eb="3">
      <t>イリョウヨウ</t>
    </rPh>
    <rPh sb="3" eb="6">
      <t>イヤクヒン</t>
    </rPh>
    <phoneticPr fontId="11"/>
  </si>
  <si>
    <t>【任意】高圧ガス販売事業届出　又は　高圧ガス製造許可
【任意】毒物劇物販売業登録
【任意】麻薬卸売（小売）業者免許
「01医療用医薬品」から「08医療検査試薬」のみ
（【必須】薬局開設許可　又は　医薬品販売業許可　）
「12農薬」のみ
（【必須】農薬販売届出　又は　農薬製造（輸入）登録　）</t>
    <rPh sb="62" eb="65">
      <t>イリョウヨウ</t>
    </rPh>
    <rPh sb="65" eb="67">
      <t>イヤク</t>
    </rPh>
    <rPh sb="67" eb="68">
      <t>ヒン</t>
    </rPh>
    <rPh sb="74" eb="76">
      <t>イリョウ</t>
    </rPh>
    <rPh sb="76" eb="78">
      <t>ケンサ</t>
    </rPh>
    <rPh sb="78" eb="80">
      <t>シヤク</t>
    </rPh>
    <rPh sb="89" eb="91">
      <t>ヤッキョク</t>
    </rPh>
    <rPh sb="91" eb="93">
      <t>カイセツ</t>
    </rPh>
    <rPh sb="93" eb="95">
      <t>キョカ</t>
    </rPh>
    <rPh sb="96" eb="97">
      <t>マタ</t>
    </rPh>
    <rPh sb="99" eb="102">
      <t>イヤクヒン</t>
    </rPh>
    <rPh sb="102" eb="105">
      <t>ハンバイギョウ</t>
    </rPh>
    <rPh sb="105" eb="107">
      <t>キョカ</t>
    </rPh>
    <rPh sb="114" eb="116">
      <t>ノウヤク</t>
    </rPh>
    <rPh sb="125" eb="127">
      <t>ノウヤク</t>
    </rPh>
    <rPh sb="129" eb="131">
      <t>トドケデ</t>
    </rPh>
    <rPh sb="132" eb="133">
      <t>マタ</t>
    </rPh>
    <rPh sb="135" eb="137">
      <t>ノウヤク</t>
    </rPh>
    <rPh sb="137" eb="139">
      <t>セイゾウ</t>
    </rPh>
    <rPh sb="140" eb="142">
      <t>ユニュウ</t>
    </rPh>
    <rPh sb="143" eb="145">
      <t>トウロク</t>
    </rPh>
    <phoneticPr fontId="11"/>
  </si>
  <si>
    <t>一般用医薬品</t>
    <rPh sb="0" eb="3">
      <t>イッパンヨウ</t>
    </rPh>
    <rPh sb="3" eb="6">
      <t>イヤクヒン</t>
    </rPh>
    <phoneticPr fontId="11"/>
  </si>
  <si>
    <t>動物用医薬品</t>
    <rPh sb="0" eb="3">
      <t>ドウブツヨウ</t>
    </rPh>
    <rPh sb="3" eb="6">
      <t>イヤクヒン</t>
    </rPh>
    <phoneticPr fontId="11"/>
  </si>
  <si>
    <t>医療用ガス</t>
    <rPh sb="0" eb="3">
      <t>イリョウヨウ</t>
    </rPh>
    <phoneticPr fontId="11"/>
  </si>
  <si>
    <t>酸素，笑気</t>
    <rPh sb="0" eb="2">
      <t>サンソ</t>
    </rPh>
    <rPh sb="3" eb="5">
      <t>ショウキ</t>
    </rPh>
    <phoneticPr fontId="11"/>
  </si>
  <si>
    <t>ワクチン</t>
    <phoneticPr fontId="11"/>
  </si>
  <si>
    <t>血清</t>
    <rPh sb="0" eb="2">
      <t>ケッセイ</t>
    </rPh>
    <phoneticPr fontId="11"/>
  </si>
  <si>
    <t>培地</t>
    <rPh sb="0" eb="2">
      <t>バイチ</t>
    </rPh>
    <phoneticPr fontId="11"/>
  </si>
  <si>
    <t>医療検査試薬</t>
    <rPh sb="0" eb="2">
      <t>イリョウ</t>
    </rPh>
    <rPh sb="2" eb="4">
      <t>ケンサ</t>
    </rPh>
    <rPh sb="4" eb="6">
      <t>シヤク</t>
    </rPh>
    <phoneticPr fontId="11"/>
  </si>
  <si>
    <t>衛生材料</t>
    <rPh sb="0" eb="2">
      <t>エイセイ</t>
    </rPh>
    <rPh sb="2" eb="4">
      <t>ザイリョウ</t>
    </rPh>
    <phoneticPr fontId="11"/>
  </si>
  <si>
    <t>脱脂綿，ガーゼ，包帯，歯科材料</t>
    <rPh sb="0" eb="3">
      <t>ダッシメン</t>
    </rPh>
    <rPh sb="8" eb="10">
      <t>ホウタイ</t>
    </rPh>
    <rPh sb="11" eb="13">
      <t>シカ</t>
    </rPh>
    <rPh sb="13" eb="15">
      <t>ザイリョウ</t>
    </rPh>
    <phoneticPr fontId="11"/>
  </si>
  <si>
    <t>介護用品</t>
    <rPh sb="0" eb="2">
      <t>カイゴ</t>
    </rPh>
    <rPh sb="2" eb="4">
      <t>ヨウヒン</t>
    </rPh>
    <phoneticPr fontId="11"/>
  </si>
  <si>
    <t>化学工業薬品</t>
    <rPh sb="0" eb="2">
      <t>カガク</t>
    </rPh>
    <rPh sb="2" eb="4">
      <t>コウギョウ</t>
    </rPh>
    <rPh sb="4" eb="6">
      <t>ヤクヒン</t>
    </rPh>
    <phoneticPr fontId="11"/>
  </si>
  <si>
    <t>農薬</t>
    <rPh sb="0" eb="2">
      <t>ノウヤク</t>
    </rPh>
    <phoneticPr fontId="11"/>
  </si>
  <si>
    <t>農薬，除草剤</t>
    <rPh sb="0" eb="2">
      <t>ノウヤク</t>
    </rPh>
    <rPh sb="3" eb="6">
      <t>ジョソウザイ</t>
    </rPh>
    <phoneticPr fontId="11"/>
  </si>
  <si>
    <t>凍結防止剤</t>
    <rPh sb="0" eb="2">
      <t>トウケツ</t>
    </rPh>
    <rPh sb="2" eb="5">
      <t>ボウシザイ</t>
    </rPh>
    <phoneticPr fontId="11"/>
  </si>
  <si>
    <t>Ｊ</t>
    <phoneticPr fontId="11"/>
  </si>
  <si>
    <t>燃料</t>
    <phoneticPr fontId="11"/>
  </si>
  <si>
    <t>ガソリン</t>
    <phoneticPr fontId="11"/>
  </si>
  <si>
    <t>「01ガソリン」から「04重油」のみ
（【必須】石油製品販売業届出　又は　揮発油販売業登録）
「06ガス」のみ
（【必須】液化石油ガス販売事業登録，高圧ガス販売事業届出　又は　高圧ガス製造許可）</t>
    <rPh sb="13" eb="15">
      <t>ジュウユ</t>
    </rPh>
    <rPh sb="24" eb="26">
      <t>セキユ</t>
    </rPh>
    <rPh sb="26" eb="28">
      <t>セイヒン</t>
    </rPh>
    <rPh sb="28" eb="31">
      <t>ハンバイギョウ</t>
    </rPh>
    <rPh sb="31" eb="33">
      <t>トドケデ</t>
    </rPh>
    <rPh sb="34" eb="35">
      <t>マタ</t>
    </rPh>
    <rPh sb="37" eb="40">
      <t>キハツユ</t>
    </rPh>
    <rPh sb="40" eb="42">
      <t>ハンバイ</t>
    </rPh>
    <rPh sb="43" eb="45">
      <t>トウロク</t>
    </rPh>
    <rPh sb="62" eb="64">
      <t>エキカ</t>
    </rPh>
    <rPh sb="64" eb="66">
      <t>セキユ</t>
    </rPh>
    <rPh sb="68" eb="70">
      <t>ハンバイ</t>
    </rPh>
    <rPh sb="70" eb="72">
      <t>ジギョウ</t>
    </rPh>
    <rPh sb="72" eb="74">
      <t>トウロク</t>
    </rPh>
    <rPh sb="75" eb="77">
      <t>コウアツ</t>
    </rPh>
    <rPh sb="79" eb="81">
      <t>ハンバイ</t>
    </rPh>
    <rPh sb="81" eb="83">
      <t>ジギョウ</t>
    </rPh>
    <rPh sb="83" eb="85">
      <t>トドケデ</t>
    </rPh>
    <rPh sb="86" eb="87">
      <t>マタ</t>
    </rPh>
    <rPh sb="89" eb="91">
      <t>コウアツ</t>
    </rPh>
    <rPh sb="93" eb="95">
      <t>セイゾウ</t>
    </rPh>
    <rPh sb="95" eb="97">
      <t>キョカ</t>
    </rPh>
    <phoneticPr fontId="11"/>
  </si>
  <si>
    <t>灯油</t>
    <rPh sb="0" eb="2">
      <t>トウユ</t>
    </rPh>
    <phoneticPr fontId="11"/>
  </si>
  <si>
    <t>軽油</t>
    <rPh sb="0" eb="2">
      <t>ケイユ</t>
    </rPh>
    <phoneticPr fontId="11"/>
  </si>
  <si>
    <t>重油</t>
    <rPh sb="0" eb="2">
      <t>ジュウユ</t>
    </rPh>
    <phoneticPr fontId="11"/>
  </si>
  <si>
    <t>石炭,木炭</t>
  </si>
  <si>
    <t>石炭，コークス，練炭</t>
    <phoneticPr fontId="11"/>
  </si>
  <si>
    <t>ガス</t>
  </si>
  <si>
    <t>ＬＰガス，高圧ガス</t>
    <rPh sb="5" eb="7">
      <t>コウアツ</t>
    </rPh>
    <phoneticPr fontId="11"/>
  </si>
  <si>
    <t>潤滑油</t>
    <rPh sb="0" eb="3">
      <t>ジュンカツユ</t>
    </rPh>
    <phoneticPr fontId="11"/>
  </si>
  <si>
    <t>パラフィン油</t>
    <rPh sb="5" eb="6">
      <t>アブラ</t>
    </rPh>
    <phoneticPr fontId="11"/>
  </si>
  <si>
    <t>Ｋ</t>
    <phoneticPr fontId="11"/>
  </si>
  <si>
    <t>建材・資材</t>
    <rPh sb="0" eb="2">
      <t>ケンザイ</t>
    </rPh>
    <rPh sb="3" eb="5">
      <t>シザイ</t>
    </rPh>
    <phoneticPr fontId="11"/>
  </si>
  <si>
    <t>鋼材</t>
    <rPh sb="0" eb="2">
      <t>コウザイ</t>
    </rPh>
    <phoneticPr fontId="11"/>
  </si>
  <si>
    <t>鋼材，鋼板，鋼管，鋼矢板</t>
    <rPh sb="0" eb="2">
      <t>コウザイ</t>
    </rPh>
    <rPh sb="3" eb="4">
      <t>ハガネ</t>
    </rPh>
    <rPh sb="4" eb="5">
      <t>イタ</t>
    </rPh>
    <rPh sb="6" eb="8">
      <t>コウカン</t>
    </rPh>
    <rPh sb="9" eb="10">
      <t>コウ</t>
    </rPh>
    <rPh sb="10" eb="12">
      <t>ヤイタ</t>
    </rPh>
    <phoneticPr fontId="11"/>
  </si>
  <si>
    <t>金網</t>
    <rPh sb="0" eb="2">
      <t>カナアミ</t>
    </rPh>
    <phoneticPr fontId="11"/>
  </si>
  <si>
    <t>鉄鋼二次製品・非鉄金属</t>
    <rPh sb="0" eb="2">
      <t>テッコウ</t>
    </rPh>
    <rPh sb="2" eb="4">
      <t>ニジ</t>
    </rPh>
    <rPh sb="4" eb="6">
      <t>セイヒン</t>
    </rPh>
    <rPh sb="7" eb="9">
      <t>ヒテツ</t>
    </rPh>
    <rPh sb="9" eb="11">
      <t>キンゾク</t>
    </rPh>
    <phoneticPr fontId="11"/>
  </si>
  <si>
    <t>鉄板，鉄線，アルミ製品</t>
    <rPh sb="0" eb="1">
      <t>テツ</t>
    </rPh>
    <rPh sb="1" eb="2">
      <t>イタ</t>
    </rPh>
    <rPh sb="3" eb="5">
      <t>テッセン</t>
    </rPh>
    <rPh sb="9" eb="11">
      <t>セイヒン</t>
    </rPh>
    <phoneticPr fontId="11"/>
  </si>
  <si>
    <t>コンクリート・セメント</t>
    <phoneticPr fontId="11"/>
  </si>
  <si>
    <t>生コンクリート，アスファルト混合物，常温合材，セメント</t>
    <rPh sb="0" eb="1">
      <t>ナマ</t>
    </rPh>
    <rPh sb="14" eb="17">
      <t>コンゴウブツ</t>
    </rPh>
    <rPh sb="18" eb="20">
      <t>ジョウオン</t>
    </rPh>
    <rPh sb="20" eb="21">
      <t>ゴウ</t>
    </rPh>
    <rPh sb="21" eb="22">
      <t>ザイ</t>
    </rPh>
    <phoneticPr fontId="11"/>
  </si>
  <si>
    <t>砕石・砂利</t>
    <rPh sb="0" eb="2">
      <t>サイセキ</t>
    </rPh>
    <rPh sb="3" eb="5">
      <t>ジャリ</t>
    </rPh>
    <phoneticPr fontId="11"/>
  </si>
  <si>
    <t>砕石，砂利，砂，石粉</t>
    <rPh sb="0" eb="2">
      <t>サイセキ</t>
    </rPh>
    <rPh sb="3" eb="5">
      <t>ジャリ</t>
    </rPh>
    <rPh sb="6" eb="7">
      <t>スナ</t>
    </rPh>
    <rPh sb="8" eb="9">
      <t>イシ</t>
    </rPh>
    <rPh sb="9" eb="10">
      <t>コナ</t>
    </rPh>
    <phoneticPr fontId="11"/>
  </si>
  <si>
    <t>ブロック・レンガ</t>
    <phoneticPr fontId="11"/>
  </si>
  <si>
    <t>コンクリート二次製品</t>
    <rPh sb="6" eb="8">
      <t>ニジ</t>
    </rPh>
    <rPh sb="8" eb="10">
      <t>セイヒン</t>
    </rPh>
    <phoneticPr fontId="11"/>
  </si>
  <si>
    <t>工業用ゴム製品</t>
    <rPh sb="0" eb="3">
      <t>コウギョウヨウ</t>
    </rPh>
    <rPh sb="5" eb="7">
      <t>セイヒン</t>
    </rPh>
    <phoneticPr fontId="11"/>
  </si>
  <si>
    <t>ホース，塩ビ管，ゴムシート，工業用ベルト，防振ゴム，ゴムマット</t>
    <rPh sb="4" eb="5">
      <t>エン</t>
    </rPh>
    <rPh sb="6" eb="7">
      <t>カン</t>
    </rPh>
    <rPh sb="14" eb="17">
      <t>コウギョウヨウ</t>
    </rPh>
    <rPh sb="21" eb="23">
      <t>ボウシン</t>
    </rPh>
    <phoneticPr fontId="11"/>
  </si>
  <si>
    <t>仮設資材</t>
    <rPh sb="0" eb="2">
      <t>カセツ</t>
    </rPh>
    <rPh sb="2" eb="4">
      <t>シザイ</t>
    </rPh>
    <phoneticPr fontId="11"/>
  </si>
  <si>
    <t>仮設用資材，組立ハウス，仮設トイレ，組立物置</t>
    <rPh sb="6" eb="8">
      <t>クミタテ</t>
    </rPh>
    <rPh sb="12" eb="14">
      <t>カセツ</t>
    </rPh>
    <rPh sb="18" eb="20">
      <t>クミタテ</t>
    </rPh>
    <rPh sb="20" eb="22">
      <t>モノオキ</t>
    </rPh>
    <phoneticPr fontId="11"/>
  </si>
  <si>
    <t>電線・絶縁材料</t>
    <rPh sb="0" eb="2">
      <t>デンセン</t>
    </rPh>
    <rPh sb="3" eb="5">
      <t>ゼツエン</t>
    </rPh>
    <rPh sb="5" eb="7">
      <t>ザイリョウ</t>
    </rPh>
    <phoneticPr fontId="11"/>
  </si>
  <si>
    <t>道路用品</t>
    <rPh sb="0" eb="2">
      <t>ドウロ</t>
    </rPh>
    <rPh sb="2" eb="4">
      <t>ヨウヒン</t>
    </rPh>
    <phoneticPr fontId="11"/>
  </si>
  <si>
    <t>道路保安用品，交通安全施設資材</t>
    <rPh sb="0" eb="2">
      <t>ドウロ</t>
    </rPh>
    <rPh sb="2" eb="4">
      <t>ホアン</t>
    </rPh>
    <rPh sb="4" eb="6">
      <t>ヨウヒン</t>
    </rPh>
    <rPh sb="7" eb="9">
      <t>コウツウ</t>
    </rPh>
    <rPh sb="9" eb="11">
      <t>アンゼン</t>
    </rPh>
    <rPh sb="11" eb="13">
      <t>シセツ</t>
    </rPh>
    <rPh sb="13" eb="15">
      <t>シザイ</t>
    </rPh>
    <phoneticPr fontId="11"/>
  </si>
  <si>
    <t>水道用品</t>
    <rPh sb="0" eb="2">
      <t>スイドウ</t>
    </rPh>
    <rPh sb="2" eb="4">
      <t>ヨウヒン</t>
    </rPh>
    <phoneticPr fontId="11"/>
  </si>
  <si>
    <t>木材</t>
    <rPh sb="0" eb="2">
      <t>モクザイ</t>
    </rPh>
    <phoneticPr fontId="11"/>
  </si>
  <si>
    <t>ガラス</t>
    <phoneticPr fontId="11"/>
  </si>
  <si>
    <t>建具</t>
    <rPh sb="0" eb="2">
      <t>タテグ</t>
    </rPh>
    <phoneticPr fontId="11"/>
  </si>
  <si>
    <t>建築金物</t>
    <rPh sb="0" eb="2">
      <t>ケンチク</t>
    </rPh>
    <rPh sb="2" eb="4">
      <t>カナモノ</t>
    </rPh>
    <phoneticPr fontId="11"/>
  </si>
  <si>
    <t>塗料</t>
    <rPh sb="0" eb="2">
      <t>トリョウ</t>
    </rPh>
    <phoneticPr fontId="11"/>
  </si>
  <si>
    <t>工具</t>
    <rPh sb="0" eb="2">
      <t>コウグ</t>
    </rPh>
    <phoneticPr fontId="11"/>
  </si>
  <si>
    <t>Ｌ</t>
    <phoneticPr fontId="11"/>
  </si>
  <si>
    <t>書籍</t>
    <rPh sb="0" eb="2">
      <t>ショセキ</t>
    </rPh>
    <phoneticPr fontId="11"/>
  </si>
  <si>
    <t>図書</t>
    <rPh sb="0" eb="2">
      <t>トショ</t>
    </rPh>
    <phoneticPr fontId="11"/>
  </si>
  <si>
    <t>地図</t>
    <rPh sb="0" eb="2">
      <t>チズ</t>
    </rPh>
    <phoneticPr fontId="11"/>
  </si>
  <si>
    <t>雑誌・刊行物</t>
    <rPh sb="0" eb="2">
      <t>ザッシ</t>
    </rPh>
    <rPh sb="3" eb="6">
      <t>カンコウブツ</t>
    </rPh>
    <phoneticPr fontId="11"/>
  </si>
  <si>
    <t>Ｍ</t>
    <phoneticPr fontId="11"/>
  </si>
  <si>
    <t>看板・標識</t>
    <rPh sb="0" eb="2">
      <t>カンバン</t>
    </rPh>
    <rPh sb="3" eb="5">
      <t>ヒョウシキ</t>
    </rPh>
    <phoneticPr fontId="11"/>
  </si>
  <si>
    <t>木製看板，プラスチック看板，金属看板，電飾看板</t>
    <rPh sb="0" eb="2">
      <t>モクセイ</t>
    </rPh>
    <rPh sb="2" eb="4">
      <t>カンバン</t>
    </rPh>
    <rPh sb="11" eb="13">
      <t>カンバン</t>
    </rPh>
    <rPh sb="14" eb="16">
      <t>キンゾク</t>
    </rPh>
    <rPh sb="16" eb="18">
      <t>カンバン</t>
    </rPh>
    <rPh sb="19" eb="21">
      <t>デンショク</t>
    </rPh>
    <rPh sb="21" eb="23">
      <t>カンバン</t>
    </rPh>
    <phoneticPr fontId="11"/>
  </si>
  <si>
    <t>道路標識</t>
    <rPh sb="0" eb="2">
      <t>ドウロ</t>
    </rPh>
    <rPh sb="2" eb="4">
      <t>ヒョウシキ</t>
    </rPh>
    <phoneticPr fontId="11"/>
  </si>
  <si>
    <t>道路標識，カーブミラー，道路情報掲示板</t>
    <rPh sb="0" eb="2">
      <t>ドウロ</t>
    </rPh>
    <rPh sb="2" eb="4">
      <t>ヒョウシキ</t>
    </rPh>
    <rPh sb="12" eb="14">
      <t>ドウロ</t>
    </rPh>
    <rPh sb="14" eb="16">
      <t>ジョウホウ</t>
    </rPh>
    <rPh sb="16" eb="19">
      <t>ケイジバン</t>
    </rPh>
    <phoneticPr fontId="11"/>
  </si>
  <si>
    <t>掲示板・展示板</t>
    <rPh sb="0" eb="3">
      <t>ケイジバン</t>
    </rPh>
    <rPh sb="4" eb="6">
      <t>テンジ</t>
    </rPh>
    <rPh sb="6" eb="7">
      <t>バン</t>
    </rPh>
    <phoneticPr fontId="11"/>
  </si>
  <si>
    <t>黒板</t>
    <rPh sb="0" eb="2">
      <t>コクバン</t>
    </rPh>
    <phoneticPr fontId="11"/>
  </si>
  <si>
    <t>黒板，ホワイトボート</t>
    <rPh sb="0" eb="2">
      <t>コクバン</t>
    </rPh>
    <phoneticPr fontId="11"/>
  </si>
  <si>
    <t>旗・横断幕</t>
    <rPh sb="0" eb="1">
      <t>ハタ</t>
    </rPh>
    <rPh sb="2" eb="5">
      <t>オウダンマク</t>
    </rPh>
    <phoneticPr fontId="11"/>
  </si>
  <si>
    <t>旗，のぼり，懸垂幕，横断幕</t>
    <rPh sb="0" eb="1">
      <t>ハタ</t>
    </rPh>
    <rPh sb="6" eb="8">
      <t>ケンスイ</t>
    </rPh>
    <rPh sb="8" eb="9">
      <t>マク</t>
    </rPh>
    <rPh sb="10" eb="13">
      <t>オウダンマク</t>
    </rPh>
    <phoneticPr fontId="11"/>
  </si>
  <si>
    <t>腕章・ステッカー</t>
    <rPh sb="0" eb="2">
      <t>ワンショウ</t>
    </rPh>
    <phoneticPr fontId="11"/>
  </si>
  <si>
    <t>Ｎ</t>
    <phoneticPr fontId="11"/>
  </si>
  <si>
    <t>警察消防用品</t>
    <rPh sb="0" eb="2">
      <t>ケイサツ</t>
    </rPh>
    <rPh sb="2" eb="4">
      <t>ショウボウ</t>
    </rPh>
    <rPh sb="4" eb="6">
      <t>ヨウヒン</t>
    </rPh>
    <phoneticPr fontId="11"/>
  </si>
  <si>
    <t>警察装備</t>
    <rPh sb="0" eb="2">
      <t>ケイサツ</t>
    </rPh>
    <rPh sb="2" eb="4">
      <t>ソウビ</t>
    </rPh>
    <phoneticPr fontId="11"/>
  </si>
  <si>
    <t>拳銃ケース，警警棒，手錠，捕縄，防護衣，防護盾</t>
    <rPh sb="0" eb="2">
      <t>ケンジュウ</t>
    </rPh>
    <rPh sb="6" eb="7">
      <t>ケイ</t>
    </rPh>
    <rPh sb="7" eb="9">
      <t>ケイボウ</t>
    </rPh>
    <rPh sb="10" eb="12">
      <t>テジョウ</t>
    </rPh>
    <rPh sb="13" eb="15">
      <t>ホジョウ</t>
    </rPh>
    <rPh sb="16" eb="18">
      <t>ボウゴ</t>
    </rPh>
    <rPh sb="18" eb="19">
      <t>コロモ</t>
    </rPh>
    <rPh sb="20" eb="22">
      <t>ボウゴ</t>
    </rPh>
    <rPh sb="22" eb="23">
      <t>タテ</t>
    </rPh>
    <phoneticPr fontId="11"/>
  </si>
  <si>
    <t>警察器具</t>
    <rPh sb="0" eb="2">
      <t>ケイサツ</t>
    </rPh>
    <rPh sb="2" eb="4">
      <t>キグ</t>
    </rPh>
    <phoneticPr fontId="11"/>
  </si>
  <si>
    <t>鑑識用機械機材</t>
    <rPh sb="0" eb="2">
      <t>カンシキ</t>
    </rPh>
    <rPh sb="2" eb="3">
      <t>ヨウ</t>
    </rPh>
    <rPh sb="3" eb="5">
      <t>キカイ</t>
    </rPh>
    <rPh sb="5" eb="7">
      <t>キザイ</t>
    </rPh>
    <phoneticPr fontId="11"/>
  </si>
  <si>
    <t>消火器</t>
    <rPh sb="0" eb="3">
      <t>ショウカキ</t>
    </rPh>
    <phoneticPr fontId="11"/>
  </si>
  <si>
    <t>消火器，消火器薬剤</t>
    <rPh sb="0" eb="3">
      <t>ショウカキ</t>
    </rPh>
    <rPh sb="4" eb="7">
      <t>ショウカキ</t>
    </rPh>
    <rPh sb="7" eb="9">
      <t>ヤクザイ</t>
    </rPh>
    <phoneticPr fontId="11"/>
  </si>
  <si>
    <t>消防器具</t>
    <rPh sb="0" eb="2">
      <t>ショウボウ</t>
    </rPh>
    <rPh sb="2" eb="4">
      <t>キグ</t>
    </rPh>
    <phoneticPr fontId="11"/>
  </si>
  <si>
    <t>消防ポンプ・ホース</t>
    <rPh sb="0" eb="2">
      <t>ショウボウ</t>
    </rPh>
    <phoneticPr fontId="11"/>
  </si>
  <si>
    <t>避難救助器具</t>
    <rPh sb="0" eb="2">
      <t>ヒナン</t>
    </rPh>
    <rPh sb="2" eb="4">
      <t>キュウジョ</t>
    </rPh>
    <rPh sb="4" eb="6">
      <t>キグ</t>
    </rPh>
    <phoneticPr fontId="11"/>
  </si>
  <si>
    <t>防火服</t>
    <rPh sb="0" eb="2">
      <t>ボウカ</t>
    </rPh>
    <rPh sb="2" eb="3">
      <t>フク</t>
    </rPh>
    <phoneticPr fontId="11"/>
  </si>
  <si>
    <t>防火服，防護服</t>
    <rPh sb="0" eb="2">
      <t>ボウカ</t>
    </rPh>
    <rPh sb="2" eb="3">
      <t>フク</t>
    </rPh>
    <rPh sb="4" eb="6">
      <t>ボウゴ</t>
    </rPh>
    <rPh sb="6" eb="7">
      <t>フク</t>
    </rPh>
    <phoneticPr fontId="11"/>
  </si>
  <si>
    <t>Ｏ</t>
    <phoneticPr fontId="11"/>
  </si>
  <si>
    <t>動植物</t>
    <rPh sb="0" eb="3">
      <t>ドウショクブツ</t>
    </rPh>
    <phoneticPr fontId="11"/>
  </si>
  <si>
    <t>植物</t>
    <rPh sb="0" eb="2">
      <t>ショクブツ</t>
    </rPh>
    <phoneticPr fontId="11"/>
  </si>
  <si>
    <t>生花，観葉植物，種苗，樹木</t>
    <rPh sb="0" eb="2">
      <t>セイカ</t>
    </rPh>
    <rPh sb="3" eb="5">
      <t>カンヨウ</t>
    </rPh>
    <rPh sb="5" eb="7">
      <t>ショクブツ</t>
    </rPh>
    <rPh sb="8" eb="10">
      <t>シュビョウ</t>
    </rPh>
    <rPh sb="11" eb="13">
      <t>ジュモク</t>
    </rPh>
    <phoneticPr fontId="11"/>
  </si>
  <si>
    <t>【任意】肥料販売業務開始届出
「04飼料」のみ
（【必須】飼料販売業者届出　）</t>
    <rPh sb="9" eb="10">
      <t>ム</t>
    </rPh>
    <rPh sb="10" eb="12">
      <t>カイシ</t>
    </rPh>
    <rPh sb="19" eb="21">
      <t>シリョウ</t>
    </rPh>
    <rPh sb="30" eb="32">
      <t>シリョウ</t>
    </rPh>
    <rPh sb="32" eb="35">
      <t>ハンバイギョウ</t>
    </rPh>
    <rPh sb="35" eb="36">
      <t>シャ</t>
    </rPh>
    <rPh sb="36" eb="38">
      <t>トドケデ</t>
    </rPh>
    <phoneticPr fontId="11"/>
  </si>
  <si>
    <t>農業園芸資材</t>
    <rPh sb="0" eb="2">
      <t>ノウギョウ</t>
    </rPh>
    <rPh sb="2" eb="4">
      <t>エンゲイ</t>
    </rPh>
    <rPh sb="4" eb="6">
      <t>シザイ</t>
    </rPh>
    <phoneticPr fontId="11"/>
  </si>
  <si>
    <t>用土，肥料，農業・園芸用品</t>
    <rPh sb="0" eb="2">
      <t>ヨウド</t>
    </rPh>
    <rPh sb="3" eb="5">
      <t>ヒリョウ</t>
    </rPh>
    <rPh sb="6" eb="8">
      <t>ノウギョウ</t>
    </rPh>
    <rPh sb="9" eb="11">
      <t>エンゲイ</t>
    </rPh>
    <rPh sb="11" eb="13">
      <t>ヨウヒン</t>
    </rPh>
    <phoneticPr fontId="11"/>
  </si>
  <si>
    <t>動物</t>
    <rPh sb="0" eb="2">
      <t>ドウブツ</t>
    </rPh>
    <phoneticPr fontId="11"/>
  </si>
  <si>
    <t>鶏，馬，豚，馬，魚</t>
    <rPh sb="0" eb="1">
      <t>ニワトリ</t>
    </rPh>
    <rPh sb="2" eb="3">
      <t>ウマ</t>
    </rPh>
    <rPh sb="4" eb="5">
      <t>ブタ</t>
    </rPh>
    <rPh sb="6" eb="7">
      <t>ウマ</t>
    </rPh>
    <rPh sb="8" eb="9">
      <t>サカナ</t>
    </rPh>
    <phoneticPr fontId="11"/>
  </si>
  <si>
    <t>飼料</t>
    <rPh sb="0" eb="2">
      <t>シリョウ</t>
    </rPh>
    <phoneticPr fontId="11"/>
  </si>
  <si>
    <t>Ｐ</t>
    <phoneticPr fontId="11"/>
  </si>
  <si>
    <t>食料品</t>
    <rPh sb="0" eb="3">
      <t>ショクリョウヒン</t>
    </rPh>
    <phoneticPr fontId="11"/>
  </si>
  <si>
    <t>茶，飲料水，米，食品・食材</t>
    <rPh sb="0" eb="1">
      <t>チャ</t>
    </rPh>
    <rPh sb="2" eb="5">
      <t>インリョウスイ</t>
    </rPh>
    <rPh sb="6" eb="7">
      <t>コメ</t>
    </rPh>
    <rPh sb="8" eb="10">
      <t>ショクヒン</t>
    </rPh>
    <rPh sb="11" eb="13">
      <t>ショクザイ</t>
    </rPh>
    <phoneticPr fontId="11"/>
  </si>
  <si>
    <t>災害用備蓄食料</t>
    <rPh sb="0" eb="3">
      <t>サイガイヨウ</t>
    </rPh>
    <rPh sb="3" eb="5">
      <t>ビチク</t>
    </rPh>
    <rPh sb="5" eb="7">
      <t>ショクリョウ</t>
    </rPh>
    <phoneticPr fontId="11"/>
  </si>
  <si>
    <t>弁当</t>
    <rPh sb="0" eb="2">
      <t>ベントウ</t>
    </rPh>
    <phoneticPr fontId="11"/>
  </si>
  <si>
    <t>Z</t>
    <phoneticPr fontId="11"/>
  </si>
  <si>
    <t>その他物品</t>
    <rPh sb="2" eb="3">
      <t>タ</t>
    </rPh>
    <rPh sb="3" eb="5">
      <t>ブッピン</t>
    </rPh>
    <phoneticPr fontId="11"/>
  </si>
  <si>
    <t>教材</t>
    <rPh sb="0" eb="2">
      <t>キョウザイ</t>
    </rPh>
    <phoneticPr fontId="11"/>
  </si>
  <si>
    <t>教育機器</t>
    <rPh sb="0" eb="2">
      <t>キョウイク</t>
    </rPh>
    <rPh sb="2" eb="4">
      <t>キキ</t>
    </rPh>
    <phoneticPr fontId="11"/>
  </si>
  <si>
    <t>遊具</t>
    <rPh sb="0" eb="2">
      <t>ユウグ</t>
    </rPh>
    <phoneticPr fontId="11"/>
  </si>
  <si>
    <t>模型・標本</t>
    <rPh sb="0" eb="2">
      <t>モケイ</t>
    </rPh>
    <rPh sb="3" eb="5">
      <t>ヒョウホン</t>
    </rPh>
    <phoneticPr fontId="11"/>
  </si>
  <si>
    <t>運動器具・用品</t>
    <rPh sb="0" eb="2">
      <t>ウンドウ</t>
    </rPh>
    <rPh sb="2" eb="4">
      <t>キグ</t>
    </rPh>
    <rPh sb="5" eb="7">
      <t>ヨウヒン</t>
    </rPh>
    <phoneticPr fontId="11"/>
  </si>
  <si>
    <t>運動器具，運動用品，体育器具</t>
    <rPh sb="0" eb="2">
      <t>ウンドウ</t>
    </rPh>
    <rPh sb="2" eb="4">
      <t>キグ</t>
    </rPh>
    <rPh sb="5" eb="7">
      <t>ウンドウ</t>
    </rPh>
    <rPh sb="7" eb="9">
      <t>ヨウヒン</t>
    </rPh>
    <rPh sb="10" eb="12">
      <t>タイイク</t>
    </rPh>
    <rPh sb="12" eb="14">
      <t>キグ</t>
    </rPh>
    <phoneticPr fontId="11"/>
  </si>
  <si>
    <t>武道用品</t>
    <rPh sb="0" eb="2">
      <t>ブドウ</t>
    </rPh>
    <rPh sb="2" eb="4">
      <t>ヨウヒン</t>
    </rPh>
    <phoneticPr fontId="11"/>
  </si>
  <si>
    <t>防具，竹刀</t>
    <rPh sb="0" eb="2">
      <t>ボウグ</t>
    </rPh>
    <rPh sb="3" eb="5">
      <t>シナイ</t>
    </rPh>
    <phoneticPr fontId="11"/>
  </si>
  <si>
    <t>アウトドア用品</t>
    <rPh sb="5" eb="7">
      <t>ヨウヒン</t>
    </rPh>
    <phoneticPr fontId="11"/>
  </si>
  <si>
    <t>テント，キャンプ用品，登山用品</t>
    <rPh sb="8" eb="10">
      <t>ヨウヒン</t>
    </rPh>
    <rPh sb="11" eb="13">
      <t>トザン</t>
    </rPh>
    <rPh sb="13" eb="15">
      <t>ヨウヒン</t>
    </rPh>
    <phoneticPr fontId="11"/>
  </si>
  <si>
    <t>楽器・楽譜</t>
    <rPh sb="0" eb="2">
      <t>ガッキ</t>
    </rPh>
    <rPh sb="3" eb="5">
      <t>ガクフ</t>
    </rPh>
    <phoneticPr fontId="11"/>
  </si>
  <si>
    <t>楽器，楽譜，音楽用品　※調律は委託役務</t>
    <rPh sb="0" eb="2">
      <t>ガッキ</t>
    </rPh>
    <rPh sb="3" eb="5">
      <t>ガクフ</t>
    </rPh>
    <rPh sb="6" eb="8">
      <t>オンガク</t>
    </rPh>
    <rPh sb="8" eb="10">
      <t>ヨウヒン</t>
    </rPh>
    <rPh sb="12" eb="14">
      <t>チョウリツ</t>
    </rPh>
    <rPh sb="15" eb="17">
      <t>イタク</t>
    </rPh>
    <rPh sb="17" eb="19">
      <t>エキム</t>
    </rPh>
    <phoneticPr fontId="11"/>
  </si>
  <si>
    <t>CD・レコード</t>
    <phoneticPr fontId="11"/>
  </si>
  <si>
    <t>音楽ＣＤ，レコード</t>
    <rPh sb="0" eb="2">
      <t>オンガク</t>
    </rPh>
    <phoneticPr fontId="11"/>
  </si>
  <si>
    <t>映像ソフト</t>
    <rPh sb="0" eb="2">
      <t>エイゾウ</t>
    </rPh>
    <phoneticPr fontId="11"/>
  </si>
  <si>
    <t>娯楽用品</t>
    <rPh sb="0" eb="2">
      <t>ゴラク</t>
    </rPh>
    <rPh sb="2" eb="4">
      <t>ヨウヒン</t>
    </rPh>
    <phoneticPr fontId="11"/>
  </si>
  <si>
    <t>囲碁，将棋，オセロ，玩具，トランプ，おもちゃ</t>
    <rPh sb="0" eb="2">
      <t>イゴ</t>
    </rPh>
    <rPh sb="3" eb="5">
      <t>ショウギ</t>
    </rPh>
    <rPh sb="10" eb="12">
      <t>ガング</t>
    </rPh>
    <phoneticPr fontId="11"/>
  </si>
  <si>
    <t>制服</t>
    <rPh sb="0" eb="2">
      <t>セイフク</t>
    </rPh>
    <phoneticPr fontId="11"/>
  </si>
  <si>
    <t>制服，事務服</t>
    <rPh sb="0" eb="2">
      <t>セイフク</t>
    </rPh>
    <rPh sb="3" eb="5">
      <t>ジム</t>
    </rPh>
    <rPh sb="5" eb="6">
      <t>フク</t>
    </rPh>
    <phoneticPr fontId="11"/>
  </si>
  <si>
    <t>作業服</t>
    <rPh sb="0" eb="3">
      <t>サギョウフク</t>
    </rPh>
    <phoneticPr fontId="11"/>
  </si>
  <si>
    <t>作業服，防寒衣，外套</t>
    <rPh sb="0" eb="3">
      <t>サギョウフク</t>
    </rPh>
    <rPh sb="4" eb="6">
      <t>ボウカン</t>
    </rPh>
    <rPh sb="6" eb="7">
      <t>コロモ</t>
    </rPh>
    <rPh sb="8" eb="10">
      <t>ガイトウ</t>
    </rPh>
    <phoneticPr fontId="11"/>
  </si>
  <si>
    <t>白衣</t>
    <rPh sb="0" eb="2">
      <t>ハクイ</t>
    </rPh>
    <phoneticPr fontId="11"/>
  </si>
  <si>
    <t>病院用被服</t>
    <rPh sb="0" eb="3">
      <t>ビョウインヨウ</t>
    </rPh>
    <rPh sb="3" eb="5">
      <t>ヒフク</t>
    </rPh>
    <phoneticPr fontId="11"/>
  </si>
  <si>
    <t>雨具</t>
    <rPh sb="0" eb="2">
      <t>アマグ</t>
    </rPh>
    <phoneticPr fontId="11"/>
  </si>
  <si>
    <t>レインウェア，傘</t>
    <rPh sb="7" eb="8">
      <t>カサ</t>
    </rPh>
    <phoneticPr fontId="11"/>
  </si>
  <si>
    <t>寝具</t>
    <rPh sb="0" eb="2">
      <t>シング</t>
    </rPh>
    <phoneticPr fontId="11"/>
  </si>
  <si>
    <t>布団，毛布，枕，座布団，布団カバー</t>
    <rPh sb="0" eb="2">
      <t>フトン</t>
    </rPh>
    <rPh sb="3" eb="5">
      <t>モウフ</t>
    </rPh>
    <rPh sb="6" eb="7">
      <t>マクラ</t>
    </rPh>
    <rPh sb="8" eb="11">
      <t>ザブトン</t>
    </rPh>
    <rPh sb="12" eb="14">
      <t>フトン</t>
    </rPh>
    <phoneticPr fontId="11"/>
  </si>
  <si>
    <t>その他衣料品</t>
    <rPh sb="2" eb="3">
      <t>タ</t>
    </rPh>
    <rPh sb="3" eb="6">
      <t>イリョウヒン</t>
    </rPh>
    <phoneticPr fontId="11"/>
  </si>
  <si>
    <t>手袋，靴下，帽子</t>
    <rPh sb="0" eb="2">
      <t>テブクロ</t>
    </rPh>
    <rPh sb="3" eb="5">
      <t>クツシタ</t>
    </rPh>
    <rPh sb="6" eb="8">
      <t>ボウシ</t>
    </rPh>
    <phoneticPr fontId="11"/>
  </si>
  <si>
    <t>靴</t>
    <rPh sb="0" eb="1">
      <t>クツ</t>
    </rPh>
    <phoneticPr fontId="11"/>
  </si>
  <si>
    <t>革靴，作業靴，安全靴，ゴム長靴，病院用シューズ</t>
    <rPh sb="0" eb="2">
      <t>カワグツ</t>
    </rPh>
    <rPh sb="3" eb="5">
      <t>サギョウ</t>
    </rPh>
    <rPh sb="5" eb="6">
      <t>グツ</t>
    </rPh>
    <rPh sb="7" eb="9">
      <t>アンゼン</t>
    </rPh>
    <rPh sb="9" eb="10">
      <t>グツ</t>
    </rPh>
    <rPh sb="13" eb="15">
      <t>ナガグツ</t>
    </rPh>
    <rPh sb="16" eb="19">
      <t>ビョウインヨウ</t>
    </rPh>
    <phoneticPr fontId="11"/>
  </si>
  <si>
    <t>かばん</t>
    <phoneticPr fontId="11"/>
  </si>
  <si>
    <t>手芸用品</t>
    <rPh sb="0" eb="2">
      <t>シュゲイ</t>
    </rPh>
    <rPh sb="2" eb="4">
      <t>ヨウヒン</t>
    </rPh>
    <phoneticPr fontId="11"/>
  </si>
  <si>
    <t>作業保安用品</t>
    <rPh sb="0" eb="2">
      <t>サギョウ</t>
    </rPh>
    <rPh sb="2" eb="4">
      <t>ホアン</t>
    </rPh>
    <rPh sb="4" eb="6">
      <t>ヨウヒン</t>
    </rPh>
    <phoneticPr fontId="11"/>
  </si>
  <si>
    <t>ヘルメット，防塵マスク</t>
    <rPh sb="6" eb="8">
      <t>ボウジン</t>
    </rPh>
    <phoneticPr fontId="11"/>
  </si>
  <si>
    <t>防災用品</t>
    <rPh sb="0" eb="2">
      <t>ボウサイ</t>
    </rPh>
    <rPh sb="2" eb="4">
      <t>ヨウヒン</t>
    </rPh>
    <phoneticPr fontId="11"/>
  </si>
  <si>
    <t>家庭用金物</t>
    <rPh sb="0" eb="3">
      <t>カテイヨウ</t>
    </rPh>
    <rPh sb="3" eb="5">
      <t>カナモノ</t>
    </rPh>
    <phoneticPr fontId="11"/>
  </si>
  <si>
    <t>大工道具，工具，スコップ，脚立，その他家庭用金物</t>
    <rPh sb="0" eb="2">
      <t>ダイク</t>
    </rPh>
    <rPh sb="2" eb="4">
      <t>ドウグ</t>
    </rPh>
    <rPh sb="5" eb="7">
      <t>コウグ</t>
    </rPh>
    <rPh sb="13" eb="15">
      <t>キャタツ</t>
    </rPh>
    <rPh sb="18" eb="19">
      <t>タ</t>
    </rPh>
    <rPh sb="19" eb="22">
      <t>カテイヨウ</t>
    </rPh>
    <rPh sb="22" eb="24">
      <t>カナモノ</t>
    </rPh>
    <phoneticPr fontId="11"/>
  </si>
  <si>
    <t>調理・厨房用品</t>
    <rPh sb="0" eb="2">
      <t>チョウリ</t>
    </rPh>
    <rPh sb="3" eb="5">
      <t>チュウボウ</t>
    </rPh>
    <rPh sb="5" eb="7">
      <t>ヨウヒン</t>
    </rPh>
    <phoneticPr fontId="11"/>
  </si>
  <si>
    <t>鍋，フライパン，包丁</t>
    <rPh sb="0" eb="1">
      <t>ナベ</t>
    </rPh>
    <rPh sb="8" eb="10">
      <t>ホウチョウ</t>
    </rPh>
    <phoneticPr fontId="11"/>
  </si>
  <si>
    <t>25</t>
  </si>
  <si>
    <t>ゴミ袋</t>
    <rPh sb="2" eb="3">
      <t>ブクロ</t>
    </rPh>
    <phoneticPr fontId="11"/>
  </si>
  <si>
    <t>26</t>
  </si>
  <si>
    <t>トイレットペーパー</t>
    <phoneticPr fontId="11"/>
  </si>
  <si>
    <t>27</t>
  </si>
  <si>
    <t>石けん・洗剤</t>
    <rPh sb="0" eb="1">
      <t>セッ</t>
    </rPh>
    <rPh sb="4" eb="6">
      <t>センザイ</t>
    </rPh>
    <phoneticPr fontId="11"/>
  </si>
  <si>
    <t>28</t>
  </si>
  <si>
    <t>清掃用具・用品</t>
    <rPh sb="0" eb="2">
      <t>セイソウ</t>
    </rPh>
    <rPh sb="2" eb="4">
      <t>ヨウグ</t>
    </rPh>
    <rPh sb="5" eb="7">
      <t>ヨウヒン</t>
    </rPh>
    <phoneticPr fontId="11"/>
  </si>
  <si>
    <t>ほうき，軍手，ゴム手袋</t>
    <rPh sb="4" eb="6">
      <t>グンテ</t>
    </rPh>
    <rPh sb="9" eb="11">
      <t>テブクロ</t>
    </rPh>
    <phoneticPr fontId="11"/>
  </si>
  <si>
    <t>29</t>
  </si>
  <si>
    <t>食器・花器</t>
    <rPh sb="0" eb="2">
      <t>ショッキ</t>
    </rPh>
    <rPh sb="3" eb="5">
      <t>カキ</t>
    </rPh>
    <phoneticPr fontId="11"/>
  </si>
  <si>
    <t>30</t>
  </si>
  <si>
    <t>その他雑貨</t>
    <rPh sb="2" eb="3">
      <t>タ</t>
    </rPh>
    <rPh sb="3" eb="5">
      <t>ザッカ</t>
    </rPh>
    <phoneticPr fontId="11"/>
  </si>
  <si>
    <t>紙コップ，タオル，その他雑貨・荒物</t>
    <rPh sb="0" eb="1">
      <t>カミ</t>
    </rPh>
    <rPh sb="11" eb="12">
      <t>タ</t>
    </rPh>
    <rPh sb="12" eb="14">
      <t>ザッカ</t>
    </rPh>
    <rPh sb="15" eb="17">
      <t>アラモノ</t>
    </rPh>
    <phoneticPr fontId="11"/>
  </si>
  <si>
    <t>31</t>
  </si>
  <si>
    <t>記章・記念品</t>
    <rPh sb="0" eb="2">
      <t>キショウ</t>
    </rPh>
    <rPh sb="3" eb="6">
      <t>キネンヒン</t>
    </rPh>
    <phoneticPr fontId="11"/>
  </si>
  <si>
    <t>記章，バッチ，メダル，カップ，トロフィー，盾，金杯，銀杯</t>
    <rPh sb="0" eb="2">
      <t>キショウ</t>
    </rPh>
    <rPh sb="21" eb="22">
      <t>タテ</t>
    </rPh>
    <rPh sb="23" eb="25">
      <t>キンパイ</t>
    </rPh>
    <rPh sb="26" eb="28">
      <t>ギンパイ</t>
    </rPh>
    <phoneticPr fontId="11"/>
  </si>
  <si>
    <t>32</t>
  </si>
  <si>
    <t>装飾品</t>
    <rPh sb="0" eb="3">
      <t>ソウショクヒン</t>
    </rPh>
    <phoneticPr fontId="11"/>
  </si>
  <si>
    <t>時計，貴金属，宝石，眼鏡</t>
    <rPh sb="0" eb="2">
      <t>トケイ</t>
    </rPh>
    <rPh sb="3" eb="6">
      <t>キキンゾク</t>
    </rPh>
    <rPh sb="7" eb="9">
      <t>ホウセキ</t>
    </rPh>
    <rPh sb="10" eb="12">
      <t>メガネ</t>
    </rPh>
    <phoneticPr fontId="11"/>
  </si>
  <si>
    <t>33</t>
  </si>
  <si>
    <t>金券</t>
    <rPh sb="0" eb="2">
      <t>キンケン</t>
    </rPh>
    <phoneticPr fontId="11"/>
  </si>
  <si>
    <t>図書カード，バスカード，郵便切手，収入印紙</t>
    <rPh sb="0" eb="2">
      <t>トショ</t>
    </rPh>
    <rPh sb="12" eb="14">
      <t>ユウビン</t>
    </rPh>
    <rPh sb="14" eb="16">
      <t>キッテ</t>
    </rPh>
    <rPh sb="17" eb="19">
      <t>シュウニュウ</t>
    </rPh>
    <rPh sb="19" eb="21">
      <t>インシ</t>
    </rPh>
    <phoneticPr fontId="11"/>
  </si>
  <si>
    <t>その他</t>
  </si>
  <si>
    <t>レンタル・リース</t>
    <phoneticPr fontId="11"/>
  </si>
  <si>
    <t>【任意】高度管理医療機器等賃貸業許可
【任意】管理医療機器賃貸業届出
【任意】自家用自動車有償貸渡業許可</t>
    <rPh sb="4" eb="6">
      <t>コウド</t>
    </rPh>
    <rPh sb="6" eb="8">
      <t>カンリ</t>
    </rPh>
    <rPh sb="8" eb="10">
      <t>イリョウ</t>
    </rPh>
    <rPh sb="10" eb="13">
      <t>キキトウ</t>
    </rPh>
    <rPh sb="13" eb="16">
      <t>チンタイギョウ</t>
    </rPh>
    <rPh sb="16" eb="18">
      <t>キョカ</t>
    </rPh>
    <rPh sb="23" eb="25">
      <t>カンリ</t>
    </rPh>
    <rPh sb="25" eb="27">
      <t>イリョウ</t>
    </rPh>
    <rPh sb="27" eb="29">
      <t>キキ</t>
    </rPh>
    <rPh sb="29" eb="32">
      <t>チンタイギョウ</t>
    </rPh>
    <rPh sb="32" eb="34">
      <t>トドケデ</t>
    </rPh>
    <rPh sb="36" eb="38">
      <t>ニンイ</t>
    </rPh>
    <rPh sb="39" eb="42">
      <t>ジカヨウ</t>
    </rPh>
    <rPh sb="42" eb="45">
      <t>ジドウシャ</t>
    </rPh>
    <rPh sb="45" eb="47">
      <t>ユウショウ</t>
    </rPh>
    <rPh sb="47" eb="48">
      <t>カシ</t>
    </rPh>
    <rPh sb="48" eb="49">
      <t>ワタル</t>
    </rPh>
    <rPh sb="49" eb="50">
      <t>ギョウ</t>
    </rPh>
    <rPh sb="50" eb="52">
      <t>キョカ</t>
    </rPh>
    <phoneticPr fontId="11"/>
  </si>
  <si>
    <t>家具・室内装飾</t>
    <rPh sb="0" eb="2">
      <t>カグ</t>
    </rPh>
    <rPh sb="3" eb="5">
      <t>シツナイ</t>
    </rPh>
    <rPh sb="5" eb="7">
      <t>ソウショク</t>
    </rPh>
    <phoneticPr fontId="11"/>
  </si>
  <si>
    <t>書庫，ロッカー，家具，マット</t>
    <rPh sb="0" eb="2">
      <t>ショコ</t>
    </rPh>
    <rPh sb="8" eb="10">
      <t>カグ</t>
    </rPh>
    <phoneticPr fontId="11"/>
  </si>
  <si>
    <t>情報機器</t>
    <rPh sb="0" eb="2">
      <t>ジョウホウ</t>
    </rPh>
    <rPh sb="2" eb="4">
      <t>キキ</t>
    </rPh>
    <phoneticPr fontId="11"/>
  </si>
  <si>
    <t>パソコン，サーバ，プリンタ，複写機，情報システム，ソフトウェア</t>
    <rPh sb="14" eb="17">
      <t>フクシャキ</t>
    </rPh>
    <rPh sb="18" eb="20">
      <t>ジョウホウ</t>
    </rPh>
    <phoneticPr fontId="11"/>
  </si>
  <si>
    <t>電気通信機器</t>
    <rPh sb="0" eb="2">
      <t>デンキ</t>
    </rPh>
    <rPh sb="2" eb="4">
      <t>ツウシン</t>
    </rPh>
    <rPh sb="4" eb="6">
      <t>キキ</t>
    </rPh>
    <phoneticPr fontId="11"/>
  </si>
  <si>
    <t>プロジェクター，スライド，スクリーン，電話機，電話交換機，ファックス</t>
    <rPh sb="19" eb="22">
      <t>デンワキ</t>
    </rPh>
    <rPh sb="23" eb="25">
      <t>デンワ</t>
    </rPh>
    <rPh sb="25" eb="28">
      <t>コウカンキ</t>
    </rPh>
    <phoneticPr fontId="11"/>
  </si>
  <si>
    <t>医療機器</t>
    <rPh sb="0" eb="2">
      <t>イリョウ</t>
    </rPh>
    <rPh sb="2" eb="4">
      <t>キキ</t>
    </rPh>
    <phoneticPr fontId="11"/>
  </si>
  <si>
    <t>ＡＥＤ</t>
    <phoneticPr fontId="11"/>
  </si>
  <si>
    <t>カメラ，光学機器，理化学機器，厨房機器，建設機械，農業・園芸機器，工作機器</t>
    <rPh sb="4" eb="6">
      <t>コウガク</t>
    </rPh>
    <rPh sb="6" eb="8">
      <t>キキ</t>
    </rPh>
    <rPh sb="9" eb="12">
      <t>リカガク</t>
    </rPh>
    <rPh sb="12" eb="14">
      <t>キキ</t>
    </rPh>
    <rPh sb="15" eb="17">
      <t>チュウボウ</t>
    </rPh>
    <rPh sb="17" eb="19">
      <t>キキ</t>
    </rPh>
    <rPh sb="20" eb="22">
      <t>ケンセツ</t>
    </rPh>
    <rPh sb="22" eb="24">
      <t>キカイ</t>
    </rPh>
    <rPh sb="25" eb="27">
      <t>ノウギョウ</t>
    </rPh>
    <rPh sb="28" eb="30">
      <t>エンゲイ</t>
    </rPh>
    <rPh sb="30" eb="32">
      <t>キキ</t>
    </rPh>
    <rPh sb="33" eb="35">
      <t>コウサク</t>
    </rPh>
    <rPh sb="35" eb="37">
      <t>キキ</t>
    </rPh>
    <phoneticPr fontId="11"/>
  </si>
  <si>
    <t>車両</t>
    <rPh sb="0" eb="2">
      <t>シャリョウ</t>
    </rPh>
    <phoneticPr fontId="11"/>
  </si>
  <si>
    <t>レンタカー，カーリース</t>
    <phoneticPr fontId="11"/>
  </si>
  <si>
    <t>仮設建物，仮設トイレ</t>
    <rPh sb="0" eb="2">
      <t>カセツ</t>
    </rPh>
    <rPh sb="2" eb="4">
      <t>タテモノ</t>
    </rPh>
    <rPh sb="5" eb="7">
      <t>カセツ</t>
    </rPh>
    <phoneticPr fontId="11"/>
  </si>
  <si>
    <t>衣類・寝具</t>
    <rPh sb="0" eb="2">
      <t>イルイ</t>
    </rPh>
    <rPh sb="3" eb="5">
      <t>シング</t>
    </rPh>
    <phoneticPr fontId="11"/>
  </si>
  <si>
    <t>観葉植物</t>
    <rPh sb="0" eb="2">
      <t>カンヨウ</t>
    </rPh>
    <rPh sb="2" eb="4">
      <t>ショクブツ</t>
    </rPh>
    <phoneticPr fontId="11"/>
  </si>
  <si>
    <t>クリーニング</t>
    <phoneticPr fontId="11"/>
  </si>
  <si>
    <t>一般衣類・寝具</t>
    <rPh sb="0" eb="2">
      <t>イッパン</t>
    </rPh>
    <rPh sb="2" eb="4">
      <t>イルイ</t>
    </rPh>
    <rPh sb="5" eb="7">
      <t>シング</t>
    </rPh>
    <phoneticPr fontId="11"/>
  </si>
  <si>
    <t>一般被服</t>
    <rPh sb="0" eb="2">
      <t>イッパン</t>
    </rPh>
    <rPh sb="2" eb="4">
      <t>ヒフク</t>
    </rPh>
    <phoneticPr fontId="11"/>
  </si>
  <si>
    <t>【必須】クリーニング所開設届出
【任意】医療関連サービスマーク（寝具類洗濯）</t>
    <rPh sb="10" eb="11">
      <t>ショ</t>
    </rPh>
    <rPh sb="11" eb="13">
      <t>カイセツ</t>
    </rPh>
    <rPh sb="13" eb="15">
      <t>トドケデ</t>
    </rPh>
    <rPh sb="20" eb="22">
      <t>イリョウ</t>
    </rPh>
    <rPh sb="22" eb="24">
      <t>カンレン</t>
    </rPh>
    <rPh sb="32" eb="34">
      <t>シング</t>
    </rPh>
    <rPh sb="34" eb="35">
      <t>ルイ</t>
    </rPh>
    <rPh sb="35" eb="37">
      <t>センタク</t>
    </rPh>
    <phoneticPr fontId="11"/>
  </si>
  <si>
    <t>クリー
ニング</t>
    <phoneticPr fontId="11"/>
  </si>
  <si>
    <t>医療関連衣類・寝具</t>
    <rPh sb="0" eb="2">
      <t>イリョウ</t>
    </rPh>
    <rPh sb="2" eb="4">
      <t>カンレン</t>
    </rPh>
    <rPh sb="4" eb="6">
      <t>イルイ</t>
    </rPh>
    <rPh sb="7" eb="9">
      <t>シング</t>
    </rPh>
    <phoneticPr fontId="11"/>
  </si>
  <si>
    <t>基準寝具，白衣</t>
    <rPh sb="0" eb="2">
      <t>キジュン</t>
    </rPh>
    <rPh sb="2" eb="4">
      <t>シング</t>
    </rPh>
    <rPh sb="5" eb="7">
      <t>ハクイ</t>
    </rPh>
    <phoneticPr fontId="11"/>
  </si>
  <si>
    <t>買受</t>
    <rPh sb="0" eb="2">
      <t>カイウケ</t>
    </rPh>
    <phoneticPr fontId="11"/>
  </si>
  <si>
    <t>金属屑</t>
    <rPh sb="0" eb="2">
      <t>キンゾク</t>
    </rPh>
    <rPh sb="2" eb="3">
      <t>クズ</t>
    </rPh>
    <phoneticPr fontId="11"/>
  </si>
  <si>
    <t>鉄・非鉄屑</t>
    <rPh sb="0" eb="1">
      <t>テツ</t>
    </rPh>
    <rPh sb="2" eb="4">
      <t>ヒテツ</t>
    </rPh>
    <rPh sb="4" eb="5">
      <t>クズ</t>
    </rPh>
    <phoneticPr fontId="11"/>
  </si>
  <si>
    <t>「01金属屑」のみ
（【必須】金属屑業届済証）
【任意】古物商許可</t>
    <rPh sb="3" eb="5">
      <t>キンゾク</t>
    </rPh>
    <rPh sb="5" eb="6">
      <t>クズ</t>
    </rPh>
    <rPh sb="12" eb="14">
      <t>ヒッス</t>
    </rPh>
    <rPh sb="15" eb="17">
      <t>キンゾク</t>
    </rPh>
    <rPh sb="17" eb="18">
      <t>クズ</t>
    </rPh>
    <rPh sb="18" eb="19">
      <t>ギョウ</t>
    </rPh>
    <rPh sb="19" eb="20">
      <t>トドケ</t>
    </rPh>
    <rPh sb="20" eb="21">
      <t>スミ</t>
    </rPh>
    <rPh sb="21" eb="22">
      <t>ショウ</t>
    </rPh>
    <rPh sb="26" eb="28">
      <t>ニンイ</t>
    </rPh>
    <rPh sb="29" eb="32">
      <t>コブツショウ</t>
    </rPh>
    <rPh sb="32" eb="34">
      <t>キョカ</t>
    </rPh>
    <phoneticPr fontId="11"/>
  </si>
  <si>
    <t>紙・繊維</t>
    <rPh sb="0" eb="1">
      <t>カミ</t>
    </rPh>
    <rPh sb="2" eb="4">
      <t>センイ</t>
    </rPh>
    <phoneticPr fontId="11"/>
  </si>
  <si>
    <t>古紙回収　※機密文書溶解は委託役務</t>
    <rPh sb="0" eb="2">
      <t>コシ</t>
    </rPh>
    <rPh sb="2" eb="4">
      <t>カイシュウ</t>
    </rPh>
    <rPh sb="6" eb="8">
      <t>キミツ</t>
    </rPh>
    <rPh sb="8" eb="10">
      <t>ブンショ</t>
    </rPh>
    <rPh sb="10" eb="12">
      <t>ヨウカイ</t>
    </rPh>
    <rPh sb="13" eb="15">
      <t>イタク</t>
    </rPh>
    <rPh sb="15" eb="17">
      <t>エキム</t>
    </rPh>
    <phoneticPr fontId="11"/>
  </si>
  <si>
    <t>機械</t>
    <rPh sb="0" eb="2">
      <t>キカイ</t>
    </rPh>
    <phoneticPr fontId="11"/>
  </si>
  <si>
    <t>自動車，自転車</t>
    <rPh sb="0" eb="3">
      <t>ジドウシャ</t>
    </rPh>
    <rPh sb="4" eb="7">
      <t>ジテンシャ</t>
    </rPh>
    <phoneticPr fontId="11"/>
  </si>
  <si>
    <t>施設清掃</t>
    <rPh sb="0" eb="2">
      <t>シセツ</t>
    </rPh>
    <rPh sb="2" eb="4">
      <t>セイソウ</t>
    </rPh>
    <phoneticPr fontId="11"/>
  </si>
  <si>
    <t>庁舎一般</t>
    <rPh sb="0" eb="2">
      <t>チョウシャ</t>
    </rPh>
    <rPh sb="2" eb="4">
      <t>イッパン</t>
    </rPh>
    <phoneticPr fontId="11"/>
  </si>
  <si>
    <t>庁舎・事務所の清掃</t>
    <phoneticPr fontId="11"/>
  </si>
  <si>
    <t>【任意】建築物環境衛生総合管理業者登録
【任意】建築物清掃業者登録
【任意】医療関連サービスマーク（院内清掃）
【任意】統括管理者
【任意】建築物環境衛生管理技術者
【任意】病院清掃受託責任者
【任意】ビルクリーニング技能士</t>
    <rPh sb="1" eb="3">
      <t>ニンイ</t>
    </rPh>
    <rPh sb="4" eb="7">
      <t>ケンチクブツ</t>
    </rPh>
    <rPh sb="7" eb="9">
      <t>カンキョウ</t>
    </rPh>
    <rPh sb="9" eb="11">
      <t>エイセイ</t>
    </rPh>
    <rPh sb="11" eb="13">
      <t>ソウゴウ</t>
    </rPh>
    <rPh sb="13" eb="15">
      <t>カンリ</t>
    </rPh>
    <rPh sb="15" eb="17">
      <t>ギョウシャ</t>
    </rPh>
    <rPh sb="17" eb="19">
      <t>トウロク</t>
    </rPh>
    <rPh sb="21" eb="23">
      <t>ニンイ</t>
    </rPh>
    <rPh sb="24" eb="27">
      <t>ケンチクブツ</t>
    </rPh>
    <rPh sb="27" eb="29">
      <t>セイソウ</t>
    </rPh>
    <rPh sb="29" eb="31">
      <t>ギョウシャ</t>
    </rPh>
    <rPh sb="31" eb="33">
      <t>トウロク</t>
    </rPh>
    <rPh sb="35" eb="37">
      <t>ニンイ</t>
    </rPh>
    <rPh sb="38" eb="40">
      <t>イリョウ</t>
    </rPh>
    <rPh sb="40" eb="42">
      <t>カンレン</t>
    </rPh>
    <rPh sb="50" eb="52">
      <t>インナイ</t>
    </rPh>
    <rPh sb="52" eb="54">
      <t>セイソウ</t>
    </rPh>
    <rPh sb="57" eb="59">
      <t>ニンイ</t>
    </rPh>
    <rPh sb="60" eb="62">
      <t>トウカツ</t>
    </rPh>
    <rPh sb="62" eb="65">
      <t>カンリシャ</t>
    </rPh>
    <rPh sb="67" eb="69">
      <t>ニンイ</t>
    </rPh>
    <rPh sb="70" eb="73">
      <t>ケンチクブツ</t>
    </rPh>
    <rPh sb="73" eb="75">
      <t>カンキョウ</t>
    </rPh>
    <rPh sb="75" eb="77">
      <t>エイセイ</t>
    </rPh>
    <rPh sb="77" eb="79">
      <t>カンリ</t>
    </rPh>
    <rPh sb="79" eb="82">
      <t>ギジュツシャ</t>
    </rPh>
    <rPh sb="84" eb="86">
      <t>ニンイ</t>
    </rPh>
    <rPh sb="87" eb="89">
      <t>ビョウイン</t>
    </rPh>
    <rPh sb="89" eb="91">
      <t>セイソウ</t>
    </rPh>
    <rPh sb="91" eb="93">
      <t>ジュタク</t>
    </rPh>
    <rPh sb="93" eb="96">
      <t>セキニンシャ</t>
    </rPh>
    <rPh sb="98" eb="100">
      <t>ニンイ</t>
    </rPh>
    <rPh sb="109" eb="112">
      <t>ギノウシ</t>
    </rPh>
    <phoneticPr fontId="11"/>
  </si>
  <si>
    <t>施設管理</t>
    <rPh sb="0" eb="2">
      <t>シセツ</t>
    </rPh>
    <rPh sb="2" eb="4">
      <t>カンリ</t>
    </rPh>
    <phoneticPr fontId="11"/>
  </si>
  <si>
    <t>02</t>
  </si>
  <si>
    <t>病院</t>
    <rPh sb="0" eb="2">
      <t>ビョウイン</t>
    </rPh>
    <phoneticPr fontId="11"/>
  </si>
  <si>
    <t>病院等衛生施設での院内感染防止などの衛生的技術による清掃</t>
    <rPh sb="0" eb="3">
      <t>ビョウイントウ</t>
    </rPh>
    <phoneticPr fontId="11"/>
  </si>
  <si>
    <t>外壁</t>
    <rPh sb="0" eb="2">
      <t>ガイヘキ</t>
    </rPh>
    <phoneticPr fontId="11"/>
  </si>
  <si>
    <t>施設外壁の清掃</t>
    <rPh sb="0" eb="2">
      <t>シセツ</t>
    </rPh>
    <rPh sb="2" eb="4">
      <t>ガイヘキ</t>
    </rPh>
    <rPh sb="5" eb="7">
      <t>セイソウ</t>
    </rPh>
    <phoneticPr fontId="11"/>
  </si>
  <si>
    <t>側溝</t>
    <rPh sb="0" eb="2">
      <t>ソッコウ</t>
    </rPh>
    <phoneticPr fontId="11"/>
  </si>
  <si>
    <t xml:space="preserve">大理石研磨，カーペット洗浄などの特殊技術による清掃
</t>
    <phoneticPr fontId="11"/>
  </si>
  <si>
    <t>空気環境の測定</t>
  </si>
  <si>
    <t>建築物空気環境測定</t>
  </si>
  <si>
    <t>【任意】建築物環境衛生総合管理業者登録
【任意】建築物空気環境測定業者登録
【任意】統括管理者
【任意】建築物環境衛生管理技術者
【任意】空気環境測定実施者</t>
    <rPh sb="1" eb="3">
      <t>ニンイ</t>
    </rPh>
    <rPh sb="4" eb="7">
      <t>ケンチクブツ</t>
    </rPh>
    <rPh sb="7" eb="9">
      <t>カンキョウ</t>
    </rPh>
    <rPh sb="9" eb="11">
      <t>エイセイ</t>
    </rPh>
    <rPh sb="11" eb="13">
      <t>ソウゴウ</t>
    </rPh>
    <rPh sb="13" eb="15">
      <t>カンリ</t>
    </rPh>
    <rPh sb="15" eb="17">
      <t>ギョウシャ</t>
    </rPh>
    <rPh sb="17" eb="19">
      <t>トウロク</t>
    </rPh>
    <rPh sb="21" eb="23">
      <t>ニンイ</t>
    </rPh>
    <rPh sb="24" eb="27">
      <t>ケンチクブツ</t>
    </rPh>
    <rPh sb="27" eb="29">
      <t>クウキ</t>
    </rPh>
    <rPh sb="29" eb="31">
      <t>カンキョウ</t>
    </rPh>
    <rPh sb="31" eb="33">
      <t>ソクテイ</t>
    </rPh>
    <rPh sb="33" eb="35">
      <t>ギョウシャ</t>
    </rPh>
    <rPh sb="35" eb="37">
      <t>トウロク</t>
    </rPh>
    <rPh sb="39" eb="41">
      <t>ニンイ</t>
    </rPh>
    <rPh sb="42" eb="44">
      <t>トウカツ</t>
    </rPh>
    <rPh sb="44" eb="47">
      <t>カンリシャ</t>
    </rPh>
    <rPh sb="49" eb="51">
      <t>ニンイ</t>
    </rPh>
    <rPh sb="52" eb="55">
      <t>ケンチクブツ</t>
    </rPh>
    <rPh sb="55" eb="57">
      <t>カンキョウ</t>
    </rPh>
    <rPh sb="57" eb="59">
      <t>エイセイ</t>
    </rPh>
    <rPh sb="59" eb="61">
      <t>カンリ</t>
    </rPh>
    <rPh sb="61" eb="64">
      <t>ギジュツシャ</t>
    </rPh>
    <rPh sb="66" eb="68">
      <t>ニンイ</t>
    </rPh>
    <rPh sb="69" eb="71">
      <t>クウキ</t>
    </rPh>
    <rPh sb="71" eb="73">
      <t>カンキョウ</t>
    </rPh>
    <rPh sb="73" eb="75">
      <t>ソクテイ</t>
    </rPh>
    <rPh sb="75" eb="77">
      <t>ジッシ</t>
    </rPh>
    <rPh sb="77" eb="78">
      <t>シャ</t>
    </rPh>
    <phoneticPr fontId="11"/>
  </si>
  <si>
    <t>飲料水の水質検査</t>
  </si>
  <si>
    <t>建築物飲料水水質検査</t>
  </si>
  <si>
    <t>【任意】建築物環境衛生総合管理業者登録
【任意】建築物飲料水水質検査業者登録
【任意】統括管理者
【任意】空調給排水管理監督者
【任意】建築物環境衛生管理技術者
【任意】水質検査実施者</t>
    <rPh sb="1" eb="3">
      <t>ニンイ</t>
    </rPh>
    <rPh sb="4" eb="7">
      <t>ケンチクブツ</t>
    </rPh>
    <rPh sb="7" eb="9">
      <t>カンキョウ</t>
    </rPh>
    <rPh sb="9" eb="11">
      <t>エイセイ</t>
    </rPh>
    <rPh sb="11" eb="13">
      <t>ソウゴウ</t>
    </rPh>
    <rPh sb="13" eb="15">
      <t>カンリ</t>
    </rPh>
    <rPh sb="15" eb="17">
      <t>ギョウシャ</t>
    </rPh>
    <rPh sb="17" eb="19">
      <t>トウロク</t>
    </rPh>
    <rPh sb="21" eb="23">
      <t>ニンイ</t>
    </rPh>
    <rPh sb="24" eb="27">
      <t>ケンチクブツ</t>
    </rPh>
    <rPh sb="27" eb="30">
      <t>インリョウスイ</t>
    </rPh>
    <rPh sb="30" eb="32">
      <t>スイシツ</t>
    </rPh>
    <rPh sb="32" eb="34">
      <t>ケンサ</t>
    </rPh>
    <rPh sb="34" eb="36">
      <t>ギョウシャ</t>
    </rPh>
    <rPh sb="36" eb="38">
      <t>トウロク</t>
    </rPh>
    <rPh sb="40" eb="42">
      <t>ニンイ</t>
    </rPh>
    <rPh sb="43" eb="45">
      <t>トウカツ</t>
    </rPh>
    <rPh sb="45" eb="48">
      <t>カンリシャ</t>
    </rPh>
    <rPh sb="50" eb="52">
      <t>ニンイ</t>
    </rPh>
    <rPh sb="53" eb="55">
      <t>クウチョウ</t>
    </rPh>
    <rPh sb="55" eb="58">
      <t>キュウハイスイ</t>
    </rPh>
    <rPh sb="58" eb="60">
      <t>カンリ</t>
    </rPh>
    <rPh sb="60" eb="63">
      <t>カントクシャ</t>
    </rPh>
    <rPh sb="65" eb="67">
      <t>ニンイ</t>
    </rPh>
    <rPh sb="68" eb="71">
      <t>ケンチクブツ</t>
    </rPh>
    <rPh sb="71" eb="73">
      <t>カンキョウ</t>
    </rPh>
    <rPh sb="73" eb="75">
      <t>エイセイ</t>
    </rPh>
    <rPh sb="75" eb="77">
      <t>カンリ</t>
    </rPh>
    <rPh sb="77" eb="80">
      <t>ギジュツシャ</t>
    </rPh>
    <rPh sb="82" eb="84">
      <t>ニンイ</t>
    </rPh>
    <rPh sb="85" eb="87">
      <t>スイシツ</t>
    </rPh>
    <rPh sb="87" eb="89">
      <t>ケンサ</t>
    </rPh>
    <rPh sb="89" eb="91">
      <t>ジッシ</t>
    </rPh>
    <rPh sb="91" eb="92">
      <t>シャ</t>
    </rPh>
    <phoneticPr fontId="11"/>
  </si>
  <si>
    <t>建築物ねずみ害虫駆除</t>
  </si>
  <si>
    <t>建築物ねずみ害虫駆除</t>
    <rPh sb="0" eb="3">
      <t>ケンチクブツ</t>
    </rPh>
    <rPh sb="6" eb="8">
      <t>ガイチュウ</t>
    </rPh>
    <rPh sb="8" eb="10">
      <t>クジョ</t>
    </rPh>
    <phoneticPr fontId="11"/>
  </si>
  <si>
    <t>建築物内ねずみ・シロアリ・ゴキブリ等の防除</t>
    <rPh sb="19" eb="21">
      <t>ボウジョ</t>
    </rPh>
    <phoneticPr fontId="11"/>
  </si>
  <si>
    <t>【任意】建築物ねずみ昆虫等防除業者登録
【任意】防除作業監督者</t>
    <rPh sb="1" eb="3">
      <t>ニンイ</t>
    </rPh>
    <rPh sb="4" eb="7">
      <t>ケンチクブツ</t>
    </rPh>
    <rPh sb="10" eb="13">
      <t>コンチュウトウ</t>
    </rPh>
    <rPh sb="13" eb="15">
      <t>ボウジョ</t>
    </rPh>
    <rPh sb="15" eb="17">
      <t>ギョウシャ</t>
    </rPh>
    <rPh sb="17" eb="19">
      <t>トウロク</t>
    </rPh>
    <rPh sb="21" eb="23">
      <t>ニンイ</t>
    </rPh>
    <rPh sb="24" eb="26">
      <t>ボウジョ</t>
    </rPh>
    <rPh sb="26" eb="28">
      <t>サギョウ</t>
    </rPh>
    <rPh sb="28" eb="31">
      <t>カントクシャ</t>
    </rPh>
    <phoneticPr fontId="11"/>
  </si>
  <si>
    <t>施設消毒</t>
    <rPh sb="0" eb="2">
      <t>シセツ</t>
    </rPh>
    <rPh sb="2" eb="4">
      <t>ショウドク</t>
    </rPh>
    <phoneticPr fontId="11"/>
  </si>
  <si>
    <t>施設の消毒，留置場の消毒</t>
    <rPh sb="0" eb="2">
      <t>シセツ</t>
    </rPh>
    <rPh sb="3" eb="5">
      <t>ショウドク</t>
    </rPh>
    <rPh sb="6" eb="9">
      <t>リュウチジョウ</t>
    </rPh>
    <rPh sb="10" eb="12">
      <t>ショウドク</t>
    </rPh>
    <phoneticPr fontId="11"/>
  </si>
  <si>
    <t>くん蒸</t>
    <rPh sb="2" eb="3">
      <t>ムシ</t>
    </rPh>
    <phoneticPr fontId="11"/>
  </si>
  <si>
    <t>文化財等のくん蒸</t>
    <rPh sb="0" eb="3">
      <t>ブンカザイ</t>
    </rPh>
    <rPh sb="3" eb="4">
      <t>トウ</t>
    </rPh>
    <rPh sb="7" eb="8">
      <t>ム</t>
    </rPh>
    <phoneticPr fontId="11"/>
  </si>
  <si>
    <t>鳥害駆除</t>
    <rPh sb="0" eb="1">
      <t>トリ</t>
    </rPh>
    <rPh sb="1" eb="2">
      <t>ガイ</t>
    </rPh>
    <rPh sb="2" eb="4">
      <t>クジョ</t>
    </rPh>
    <phoneticPr fontId="11"/>
  </si>
  <si>
    <t>プールの水質管理</t>
  </si>
  <si>
    <t>プールの水質管理</t>
    <rPh sb="4" eb="6">
      <t>スイシツ</t>
    </rPh>
    <rPh sb="6" eb="8">
      <t>カンリ</t>
    </rPh>
    <phoneticPr fontId="11"/>
  </si>
  <si>
    <t>植栽管理</t>
    <phoneticPr fontId="18"/>
  </si>
  <si>
    <t>剪定・除草</t>
    <rPh sb="0" eb="2">
      <t>センテイ</t>
    </rPh>
    <rPh sb="3" eb="5">
      <t>ジョソウ</t>
    </rPh>
    <phoneticPr fontId="11"/>
  </si>
  <si>
    <t>【任意】造園施工管理技士
【任意】造園技能士</t>
    <rPh sb="1" eb="3">
      <t>ニンイ</t>
    </rPh>
    <rPh sb="4" eb="6">
      <t>ゾウエン</t>
    </rPh>
    <rPh sb="6" eb="8">
      <t>セコウ</t>
    </rPh>
    <rPh sb="8" eb="10">
      <t>カンリ</t>
    </rPh>
    <rPh sb="10" eb="12">
      <t>ギシ</t>
    </rPh>
    <rPh sb="14" eb="16">
      <t>ニンイ</t>
    </rPh>
    <rPh sb="17" eb="19">
      <t>ゾウエン</t>
    </rPh>
    <rPh sb="19" eb="22">
      <t>ギノウシ</t>
    </rPh>
    <phoneticPr fontId="11"/>
  </si>
  <si>
    <t>殺虫消毒</t>
    <rPh sb="0" eb="2">
      <t>サッチュウ</t>
    </rPh>
    <rPh sb="2" eb="4">
      <t>ショウドク</t>
    </rPh>
    <phoneticPr fontId="11"/>
  </si>
  <si>
    <t>植栽の病害虫駆除・防除，薬剤散布</t>
    <rPh sb="0" eb="2">
      <t>ショクサイ</t>
    </rPh>
    <rPh sb="3" eb="6">
      <t>ビョウガイチュウ</t>
    </rPh>
    <rPh sb="6" eb="8">
      <t>クジョ</t>
    </rPh>
    <rPh sb="9" eb="11">
      <t>ボウジョ</t>
    </rPh>
    <rPh sb="12" eb="14">
      <t>ヤクザイ</t>
    </rPh>
    <rPh sb="14" eb="16">
      <t>サンプ</t>
    </rPh>
    <phoneticPr fontId="11"/>
  </si>
  <si>
    <t>栽培，倒木処理，施肥，樹木管理，草花管理，施設緑化</t>
    <rPh sb="0" eb="2">
      <t>サイバイ</t>
    </rPh>
    <rPh sb="3" eb="5">
      <t>トウボク</t>
    </rPh>
    <rPh sb="5" eb="7">
      <t>ショリ</t>
    </rPh>
    <rPh sb="8" eb="10">
      <t>セヒ</t>
    </rPh>
    <rPh sb="11" eb="13">
      <t>ジュモク</t>
    </rPh>
    <rPh sb="13" eb="15">
      <t>カンリ</t>
    </rPh>
    <rPh sb="16" eb="18">
      <t>クサバナ</t>
    </rPh>
    <rPh sb="18" eb="20">
      <t>カンリ</t>
    </rPh>
    <rPh sb="21" eb="23">
      <t>シセツ</t>
    </rPh>
    <rPh sb="23" eb="25">
      <t>リョッカ</t>
    </rPh>
    <phoneticPr fontId="11"/>
  </si>
  <si>
    <t>建築物の定期点検</t>
    <rPh sb="0" eb="2">
      <t>ケンチク</t>
    </rPh>
    <rPh sb="2" eb="3">
      <t>ブツ</t>
    </rPh>
    <rPh sb="4" eb="6">
      <t>テイキ</t>
    </rPh>
    <rPh sb="6" eb="8">
      <t>テンケン</t>
    </rPh>
    <phoneticPr fontId="18"/>
  </si>
  <si>
    <t>建築基準法第１２条第２項による建築物の定期点検</t>
    <rPh sb="0" eb="2">
      <t>ケンチク</t>
    </rPh>
    <rPh sb="2" eb="5">
      <t>キジュンホウ</t>
    </rPh>
    <rPh sb="5" eb="9">
      <t>ダイ１２ジョウ</t>
    </rPh>
    <rPh sb="9" eb="12">
      <t>ダイ２コウ</t>
    </rPh>
    <rPh sb="15" eb="17">
      <t>ケンチク</t>
    </rPh>
    <rPh sb="17" eb="18">
      <t>ブツ</t>
    </rPh>
    <rPh sb="19" eb="21">
      <t>テイキ</t>
    </rPh>
    <rPh sb="21" eb="23">
      <t>テンケン</t>
    </rPh>
    <phoneticPr fontId="18"/>
  </si>
  <si>
    <t>【必須】建築士　又は　特定建築物調査員</t>
    <rPh sb="1" eb="3">
      <t>ヒッス</t>
    </rPh>
    <rPh sb="4" eb="7">
      <t>ケンチクシ</t>
    </rPh>
    <rPh sb="8" eb="9">
      <t>マタ</t>
    </rPh>
    <rPh sb="11" eb="13">
      <t>トクテイ</t>
    </rPh>
    <rPh sb="13" eb="16">
      <t>ケンチクブツ</t>
    </rPh>
    <rPh sb="16" eb="19">
      <t>チョウサイン</t>
    </rPh>
    <phoneticPr fontId="11"/>
  </si>
  <si>
    <t>H</t>
    <phoneticPr fontId="11"/>
  </si>
  <si>
    <t>特殊施設管理</t>
    <rPh sb="0" eb="2">
      <t>トクシュ</t>
    </rPh>
    <rPh sb="2" eb="4">
      <t>シセツ</t>
    </rPh>
    <rPh sb="4" eb="6">
      <t>カンリ</t>
    </rPh>
    <phoneticPr fontId="11"/>
  </si>
  <si>
    <t>寮・宿舎管理</t>
    <rPh sb="0" eb="1">
      <t>リョウ</t>
    </rPh>
    <rPh sb="2" eb="4">
      <t>シュクシャ</t>
    </rPh>
    <rPh sb="4" eb="6">
      <t>カンリ</t>
    </rPh>
    <phoneticPr fontId="11"/>
  </si>
  <si>
    <t>寮・宿舎等の管理（賄い業務は除く）</t>
    <rPh sb="2" eb="4">
      <t>シュクシャ</t>
    </rPh>
    <rPh sb="4" eb="5">
      <t>トウ</t>
    </rPh>
    <rPh sb="9" eb="10">
      <t>マカナ</t>
    </rPh>
    <rPh sb="11" eb="13">
      <t>ギョウム</t>
    </rPh>
    <rPh sb="14" eb="15">
      <t>ノゾ</t>
    </rPh>
    <phoneticPr fontId="18"/>
  </si>
  <si>
    <t>水道施設管理</t>
    <rPh sb="0" eb="2">
      <t>スイドウ</t>
    </rPh>
    <rPh sb="2" eb="4">
      <t>シセツ</t>
    </rPh>
    <rPh sb="4" eb="6">
      <t>カンリ</t>
    </rPh>
    <phoneticPr fontId="11"/>
  </si>
  <si>
    <t>水道施設運転管理</t>
    <rPh sb="0" eb="2">
      <t>スイドウ</t>
    </rPh>
    <rPh sb="2" eb="4">
      <t>シセツ</t>
    </rPh>
    <rPh sb="4" eb="6">
      <t>ウンテン</t>
    </rPh>
    <rPh sb="6" eb="8">
      <t>カンリ</t>
    </rPh>
    <phoneticPr fontId="11"/>
  </si>
  <si>
    <t>プール施設管理</t>
    <rPh sb="3" eb="5">
      <t>シセツ</t>
    </rPh>
    <rPh sb="5" eb="7">
      <t>カンリ</t>
    </rPh>
    <phoneticPr fontId="11"/>
  </si>
  <si>
    <t>給水設備の点検・清掃</t>
    <rPh sb="0" eb="2">
      <t>キュウスイ</t>
    </rPh>
    <rPh sb="2" eb="4">
      <t>セツビ</t>
    </rPh>
    <phoneticPr fontId="11"/>
  </si>
  <si>
    <t>貯水槽</t>
    <rPh sb="0" eb="3">
      <t>チョスイソウ</t>
    </rPh>
    <phoneticPr fontId="11"/>
  </si>
  <si>
    <t>貯水槽，受水槽，高架水槽の点検・清掃</t>
    <rPh sb="13" eb="15">
      <t>テンケン</t>
    </rPh>
    <rPh sb="16" eb="18">
      <t>セイソウ</t>
    </rPh>
    <phoneticPr fontId="11"/>
  </si>
  <si>
    <t>【任意】建築物環境衛生総合管理業者登録
【任意】建築物飲料水貯水槽清掃業者登録
【任意】建築物環境衛生管理技術者
【任意】空調給排水管理監督者
【任意】貯水槽清掃作業監督者
【任意】ビル設備管理技能士</t>
    <rPh sb="1" eb="3">
      <t>ニンイ</t>
    </rPh>
    <rPh sb="4" eb="7">
      <t>ケンチクブツ</t>
    </rPh>
    <rPh sb="7" eb="9">
      <t>カンキョウ</t>
    </rPh>
    <rPh sb="9" eb="11">
      <t>エイセイ</t>
    </rPh>
    <rPh sb="11" eb="13">
      <t>ソウゴウ</t>
    </rPh>
    <rPh sb="13" eb="15">
      <t>カンリ</t>
    </rPh>
    <rPh sb="15" eb="17">
      <t>ギョウシャ</t>
    </rPh>
    <rPh sb="17" eb="19">
      <t>トウロク</t>
    </rPh>
    <rPh sb="21" eb="23">
      <t>ニンイ</t>
    </rPh>
    <rPh sb="24" eb="27">
      <t>ケンチクブツ</t>
    </rPh>
    <rPh sb="27" eb="30">
      <t>インリョウスイ</t>
    </rPh>
    <rPh sb="30" eb="33">
      <t>チョスイソウ</t>
    </rPh>
    <rPh sb="33" eb="35">
      <t>セイソウ</t>
    </rPh>
    <rPh sb="35" eb="37">
      <t>ギョウシャ</t>
    </rPh>
    <rPh sb="37" eb="39">
      <t>トウロク</t>
    </rPh>
    <rPh sb="41" eb="43">
      <t>ニンイ</t>
    </rPh>
    <rPh sb="44" eb="47">
      <t>ケンチクブツ</t>
    </rPh>
    <rPh sb="47" eb="49">
      <t>カンキョウ</t>
    </rPh>
    <rPh sb="49" eb="51">
      <t>エイセイ</t>
    </rPh>
    <rPh sb="51" eb="53">
      <t>カンリ</t>
    </rPh>
    <rPh sb="53" eb="56">
      <t>ギジュツシャ</t>
    </rPh>
    <rPh sb="58" eb="60">
      <t>ニンイ</t>
    </rPh>
    <rPh sb="61" eb="63">
      <t>クウチョウ</t>
    </rPh>
    <rPh sb="63" eb="66">
      <t>キュウハイスイ</t>
    </rPh>
    <rPh sb="66" eb="68">
      <t>カンリ</t>
    </rPh>
    <rPh sb="68" eb="71">
      <t>カントクシャ</t>
    </rPh>
    <rPh sb="73" eb="75">
      <t>ニンイ</t>
    </rPh>
    <rPh sb="76" eb="79">
      <t>チョスイソウ</t>
    </rPh>
    <rPh sb="79" eb="81">
      <t>セイソウ</t>
    </rPh>
    <rPh sb="81" eb="83">
      <t>サギョウ</t>
    </rPh>
    <rPh sb="83" eb="86">
      <t>カントクシャ</t>
    </rPh>
    <rPh sb="88" eb="90">
      <t>ニンイ</t>
    </rPh>
    <rPh sb="93" eb="95">
      <t>セツビ</t>
    </rPh>
    <rPh sb="95" eb="97">
      <t>カンリ</t>
    </rPh>
    <rPh sb="97" eb="100">
      <t>ギノウシ</t>
    </rPh>
    <phoneticPr fontId="11"/>
  </si>
  <si>
    <t>建築設備保守点検</t>
    <rPh sb="0" eb="2">
      <t>ケンチク</t>
    </rPh>
    <rPh sb="6" eb="8">
      <t>テンケン</t>
    </rPh>
    <phoneticPr fontId="11"/>
  </si>
  <si>
    <t>ろ過装置</t>
    <rPh sb="1" eb="2">
      <t>カ</t>
    </rPh>
    <rPh sb="2" eb="4">
      <t>ソウチ</t>
    </rPh>
    <phoneticPr fontId="11"/>
  </si>
  <si>
    <t>プールろ過装置，浴場ろ過装置の保守点検</t>
    <rPh sb="4" eb="5">
      <t>カ</t>
    </rPh>
    <rPh sb="5" eb="7">
      <t>ソウチ</t>
    </rPh>
    <rPh sb="8" eb="10">
      <t>ヨクジョウ</t>
    </rPh>
    <rPh sb="11" eb="12">
      <t>カ</t>
    </rPh>
    <rPh sb="12" eb="14">
      <t>ソウチ</t>
    </rPh>
    <rPh sb="15" eb="17">
      <t>ホシュ</t>
    </rPh>
    <rPh sb="17" eb="19">
      <t>テンケン</t>
    </rPh>
    <phoneticPr fontId="11"/>
  </si>
  <si>
    <t>給水管の清掃</t>
    <rPh sb="0" eb="2">
      <t>キュウスイ</t>
    </rPh>
    <rPh sb="2" eb="3">
      <t>カン</t>
    </rPh>
    <rPh sb="4" eb="6">
      <t>セイソウ</t>
    </rPh>
    <phoneticPr fontId="11"/>
  </si>
  <si>
    <t>排水設備の点検・清掃</t>
    <rPh sb="0" eb="2">
      <t>ハイスイ</t>
    </rPh>
    <phoneticPr fontId="11"/>
  </si>
  <si>
    <t>汚水槽</t>
    <rPh sb="0" eb="2">
      <t>オスイ</t>
    </rPh>
    <rPh sb="2" eb="3">
      <t>ソウ</t>
    </rPh>
    <phoneticPr fontId="11"/>
  </si>
  <si>
    <t>浄化槽を除く汚水槽・汚水枡・雑排水槽の点検・清掃</t>
    <rPh sb="0" eb="3">
      <t>ジョウカソウ</t>
    </rPh>
    <rPh sb="4" eb="5">
      <t>ノゾ</t>
    </rPh>
    <rPh sb="6" eb="8">
      <t>オスイ</t>
    </rPh>
    <rPh sb="8" eb="9">
      <t>ソウ</t>
    </rPh>
    <rPh sb="10" eb="13">
      <t>オスイマス</t>
    </rPh>
    <rPh sb="14" eb="18">
      <t>ザツハイスイソウ</t>
    </rPh>
    <rPh sb="19" eb="21">
      <t>テンケン</t>
    </rPh>
    <rPh sb="22" eb="24">
      <t>セイソウ</t>
    </rPh>
    <phoneticPr fontId="11"/>
  </si>
  <si>
    <t>【任意】建築物環境衛生総合管理業者登録
【任意】建築物排水管清掃業者登録
【任意】建築物環境衛生管理技術者
【任意】空調給排水管理監督者
【任意】排水管清掃作業監督者
【任意】ビル設備管理技能士</t>
    <rPh sb="27" eb="30">
      <t>ハイスイカン</t>
    </rPh>
    <rPh sb="73" eb="76">
      <t>ハイスイカン</t>
    </rPh>
    <phoneticPr fontId="11"/>
  </si>
  <si>
    <t>排水管</t>
    <rPh sb="0" eb="3">
      <t>ハイスイカン</t>
    </rPh>
    <phoneticPr fontId="11"/>
  </si>
  <si>
    <t>排水管の点検・清掃</t>
    <rPh sb="0" eb="3">
      <t>ハイスイカン</t>
    </rPh>
    <rPh sb="4" eb="6">
      <t>テンケン</t>
    </rPh>
    <rPh sb="7" eb="9">
      <t>セイソウ</t>
    </rPh>
    <phoneticPr fontId="11"/>
  </si>
  <si>
    <t>グリーストラップ</t>
    <phoneticPr fontId="11"/>
  </si>
  <si>
    <t>グリーストラップの清掃</t>
    <rPh sb="9" eb="11">
      <t>セイソウ</t>
    </rPh>
    <phoneticPr fontId="11"/>
  </si>
  <si>
    <t>その他排水設備の点検・清掃</t>
    <rPh sb="2" eb="3">
      <t>タ</t>
    </rPh>
    <rPh sb="3" eb="5">
      <t>ハイスイ</t>
    </rPh>
    <rPh sb="5" eb="7">
      <t>セツビ</t>
    </rPh>
    <rPh sb="8" eb="10">
      <t>テンケン</t>
    </rPh>
    <rPh sb="11" eb="13">
      <t>セイソウ</t>
    </rPh>
    <phoneticPr fontId="11"/>
  </si>
  <si>
    <t>電気保安管理</t>
    <rPh sb="0" eb="2">
      <t>デンキ</t>
    </rPh>
    <rPh sb="2" eb="4">
      <t>ホアン</t>
    </rPh>
    <rPh sb="4" eb="6">
      <t>カンリ</t>
    </rPh>
    <phoneticPr fontId="11"/>
  </si>
  <si>
    <t>電気保安管理業務</t>
    <rPh sb="0" eb="2">
      <t>デンキ</t>
    </rPh>
    <rPh sb="2" eb="4">
      <t>ホアン</t>
    </rPh>
    <rPh sb="4" eb="6">
      <t>カンリ</t>
    </rPh>
    <rPh sb="6" eb="8">
      <t>ギョウム</t>
    </rPh>
    <phoneticPr fontId="11"/>
  </si>
  <si>
    <t>【必須】電気主任技術者</t>
    <rPh sb="1" eb="3">
      <t>ヒッス</t>
    </rPh>
    <rPh sb="4" eb="6">
      <t>デンキ</t>
    </rPh>
    <rPh sb="6" eb="8">
      <t>シュニン</t>
    </rPh>
    <rPh sb="8" eb="11">
      <t>ギジュツシャ</t>
    </rPh>
    <phoneticPr fontId="11"/>
  </si>
  <si>
    <t>電気設備の保守点検</t>
    <phoneticPr fontId="11"/>
  </si>
  <si>
    <t>電気設備</t>
    <rPh sb="0" eb="2">
      <t>デンキ</t>
    </rPh>
    <rPh sb="2" eb="4">
      <t>セツビ</t>
    </rPh>
    <phoneticPr fontId="11"/>
  </si>
  <si>
    <t>受変電設備，自家用発電機，非常用発電機，無停電電源設備等</t>
    <rPh sb="0" eb="1">
      <t>ジュ</t>
    </rPh>
    <rPh sb="1" eb="3">
      <t>ヘンデン</t>
    </rPh>
    <rPh sb="3" eb="5">
      <t>セツビ</t>
    </rPh>
    <rPh sb="6" eb="9">
      <t>ジカヨウ</t>
    </rPh>
    <rPh sb="9" eb="12">
      <t>ハツデンキ</t>
    </rPh>
    <rPh sb="13" eb="16">
      <t>ヒジョウヨウ</t>
    </rPh>
    <rPh sb="16" eb="18">
      <t>ハツデン</t>
    </rPh>
    <rPh sb="18" eb="19">
      <t>キ</t>
    </rPh>
    <rPh sb="20" eb="23">
      <t>ムテイデン</t>
    </rPh>
    <rPh sb="23" eb="25">
      <t>デンゲン</t>
    </rPh>
    <rPh sb="25" eb="27">
      <t>セツビ</t>
    </rPh>
    <rPh sb="27" eb="28">
      <t>トウ</t>
    </rPh>
    <phoneticPr fontId="11"/>
  </si>
  <si>
    <t>【任意】電気主任技術者
【任意】電気工事士
【任意】ビル設備管理技能士</t>
    <rPh sb="1" eb="3">
      <t>ニンイ</t>
    </rPh>
    <rPh sb="4" eb="6">
      <t>デンキ</t>
    </rPh>
    <rPh sb="6" eb="8">
      <t>シュニン</t>
    </rPh>
    <rPh sb="8" eb="11">
      <t>ギジュツシャ</t>
    </rPh>
    <rPh sb="13" eb="15">
      <t>ニンイ</t>
    </rPh>
    <rPh sb="16" eb="18">
      <t>デンキ</t>
    </rPh>
    <rPh sb="18" eb="20">
      <t>コウジ</t>
    </rPh>
    <rPh sb="20" eb="21">
      <t>シ</t>
    </rPh>
    <rPh sb="23" eb="25">
      <t>ニンイ</t>
    </rPh>
    <rPh sb="28" eb="30">
      <t>セツビ</t>
    </rPh>
    <rPh sb="30" eb="32">
      <t>カンリ</t>
    </rPh>
    <rPh sb="32" eb="35">
      <t>ギノウシ</t>
    </rPh>
    <phoneticPr fontId="11"/>
  </si>
  <si>
    <t>屋外照明灯</t>
    <rPh sb="0" eb="2">
      <t>オクガイ</t>
    </rPh>
    <rPh sb="2" eb="4">
      <t>ショウメイ</t>
    </rPh>
    <rPh sb="4" eb="5">
      <t>トウ</t>
    </rPh>
    <phoneticPr fontId="11"/>
  </si>
  <si>
    <t>街灯・屋外照明灯（交通安全施設は除く）</t>
    <rPh sb="0" eb="2">
      <t>ガイトウ</t>
    </rPh>
    <rPh sb="3" eb="5">
      <t>オクガイ</t>
    </rPh>
    <rPh sb="5" eb="7">
      <t>ショウメイ</t>
    </rPh>
    <rPh sb="7" eb="8">
      <t>トウ</t>
    </rPh>
    <rPh sb="9" eb="11">
      <t>コウツウ</t>
    </rPh>
    <rPh sb="11" eb="13">
      <t>アンゼン</t>
    </rPh>
    <rPh sb="13" eb="15">
      <t>シセツ</t>
    </rPh>
    <rPh sb="16" eb="17">
      <t>ノゾ</t>
    </rPh>
    <phoneticPr fontId="11"/>
  </si>
  <si>
    <t>エレベーターの保守点検</t>
  </si>
  <si>
    <t>エレベーター</t>
    <phoneticPr fontId="11"/>
  </si>
  <si>
    <t>エレベーターの保守点検（建築基準法第１２条第４項に基づく定期点検を含む。）</t>
    <rPh sb="7" eb="9">
      <t>ホシュ</t>
    </rPh>
    <rPh sb="9" eb="11">
      <t>テンケン</t>
    </rPh>
    <rPh sb="33" eb="34">
      <t>フク</t>
    </rPh>
    <phoneticPr fontId="11"/>
  </si>
  <si>
    <t>「01エレベータ」のみ
（【必須】建築士　又は　昇降機等検査員）</t>
    <rPh sb="14" eb="16">
      <t>ヒッス</t>
    </rPh>
    <rPh sb="17" eb="20">
      <t>ケンチクシ</t>
    </rPh>
    <rPh sb="21" eb="22">
      <t>マタ</t>
    </rPh>
    <rPh sb="24" eb="27">
      <t>ショウコウキ</t>
    </rPh>
    <rPh sb="27" eb="28">
      <t>トウ</t>
    </rPh>
    <rPh sb="28" eb="31">
      <t>ケンサイン</t>
    </rPh>
    <phoneticPr fontId="11"/>
  </si>
  <si>
    <t>エスカレーター</t>
    <phoneticPr fontId="11"/>
  </si>
  <si>
    <t>エスカレーターの保守点検</t>
    <rPh sb="8" eb="10">
      <t>ホシュ</t>
    </rPh>
    <rPh sb="10" eb="12">
      <t>テンケン</t>
    </rPh>
    <phoneticPr fontId="11"/>
  </si>
  <si>
    <t>リフト式駐車場</t>
    <rPh sb="3" eb="4">
      <t>シキ</t>
    </rPh>
    <rPh sb="4" eb="7">
      <t>チュウシャジョウ</t>
    </rPh>
    <phoneticPr fontId="11"/>
  </si>
  <si>
    <t>リフト式駐車場の保守点検</t>
    <rPh sb="3" eb="4">
      <t>シキ</t>
    </rPh>
    <rPh sb="4" eb="7">
      <t>チュウシャジョウ</t>
    </rPh>
    <rPh sb="8" eb="10">
      <t>ホシュ</t>
    </rPh>
    <rPh sb="10" eb="12">
      <t>テンケン</t>
    </rPh>
    <phoneticPr fontId="11"/>
  </si>
  <si>
    <t>荷物用リフト</t>
    <rPh sb="0" eb="3">
      <t>ニモツヨウ</t>
    </rPh>
    <phoneticPr fontId="11"/>
  </si>
  <si>
    <t>自動ドアの保守点検</t>
  </si>
  <si>
    <t>自動ドアの保守点検</t>
    <rPh sb="0" eb="2">
      <t>ジドウ</t>
    </rPh>
    <rPh sb="5" eb="7">
      <t>ホシュ</t>
    </rPh>
    <rPh sb="7" eb="9">
      <t>テンケン</t>
    </rPh>
    <phoneticPr fontId="11"/>
  </si>
  <si>
    <t>空調設備の保守点検</t>
  </si>
  <si>
    <t>空気調和設備の点検，フィルター・コイルの洗浄</t>
    <phoneticPr fontId="11"/>
  </si>
  <si>
    <t>【任意】空調給排水管理監督者
【任意】ビル設備管理技能士</t>
    <rPh sb="1" eb="3">
      <t>ニンイ</t>
    </rPh>
    <rPh sb="4" eb="6">
      <t>クウチョウ</t>
    </rPh>
    <rPh sb="6" eb="9">
      <t>キュウハイスイ</t>
    </rPh>
    <rPh sb="9" eb="11">
      <t>カンリ</t>
    </rPh>
    <rPh sb="11" eb="14">
      <t>カントクシャ</t>
    </rPh>
    <rPh sb="16" eb="18">
      <t>ニンイ</t>
    </rPh>
    <rPh sb="21" eb="23">
      <t>セツビ</t>
    </rPh>
    <rPh sb="23" eb="25">
      <t>カンリ</t>
    </rPh>
    <rPh sb="25" eb="28">
      <t>ギノウシ</t>
    </rPh>
    <phoneticPr fontId="11"/>
  </si>
  <si>
    <t>冷凍設備の保守点検</t>
  </si>
  <si>
    <t>冷凍設備</t>
    <phoneticPr fontId="11"/>
  </si>
  <si>
    <t>【任意】冷凍機械責任者</t>
    <rPh sb="1" eb="3">
      <t>ニンイ</t>
    </rPh>
    <rPh sb="4" eb="6">
      <t>レイトウ</t>
    </rPh>
    <rPh sb="6" eb="8">
      <t>キカイ</t>
    </rPh>
    <rPh sb="8" eb="11">
      <t>セキニンシャ</t>
    </rPh>
    <phoneticPr fontId="11"/>
  </si>
  <si>
    <t>I</t>
  </si>
  <si>
    <t>ダクトの清掃</t>
  </si>
  <si>
    <t>空調ダクト，厨房ダクトの清掃</t>
    <rPh sb="12" eb="14">
      <t>セイソウ</t>
    </rPh>
    <phoneticPr fontId="11"/>
  </si>
  <si>
    <t>【任意】建築物空気調和用ダクト清掃業者登録
【任意】ダクト清掃作業監督者</t>
    <rPh sb="7" eb="9">
      <t>クウキ</t>
    </rPh>
    <rPh sb="9" eb="11">
      <t>チョウワ</t>
    </rPh>
    <rPh sb="11" eb="12">
      <t>ヨウ</t>
    </rPh>
    <rPh sb="23" eb="25">
      <t>ニンイ</t>
    </rPh>
    <rPh sb="29" eb="31">
      <t>セイソウ</t>
    </rPh>
    <rPh sb="31" eb="33">
      <t>サギョウ</t>
    </rPh>
    <rPh sb="33" eb="36">
      <t>カントクシャ</t>
    </rPh>
    <phoneticPr fontId="11"/>
  </si>
  <si>
    <t>J</t>
  </si>
  <si>
    <t>オイルタンクの点検・清掃</t>
  </si>
  <si>
    <t>オイルタンクの点検・清掃</t>
    <rPh sb="7" eb="9">
      <t>テンケン</t>
    </rPh>
    <rPh sb="10" eb="12">
      <t>セイソウ</t>
    </rPh>
    <phoneticPr fontId="11"/>
  </si>
  <si>
    <t>【任意】地下タンク等定期点検事業者認定
【任意】危険物取扱者
【任意】地下タンク等定期点検技術者講習修了者</t>
    <rPh sb="1" eb="3">
      <t>ニンイ</t>
    </rPh>
    <rPh sb="4" eb="6">
      <t>チカ</t>
    </rPh>
    <rPh sb="9" eb="10">
      <t>トウ</t>
    </rPh>
    <rPh sb="10" eb="12">
      <t>テイキ</t>
    </rPh>
    <rPh sb="12" eb="14">
      <t>テンケン</t>
    </rPh>
    <rPh sb="14" eb="17">
      <t>ジギョウシャ</t>
    </rPh>
    <rPh sb="17" eb="19">
      <t>ニンテイ</t>
    </rPh>
    <rPh sb="21" eb="23">
      <t>ニンイ</t>
    </rPh>
    <rPh sb="24" eb="27">
      <t>キケンブツ</t>
    </rPh>
    <rPh sb="27" eb="29">
      <t>トリアツカイ</t>
    </rPh>
    <rPh sb="29" eb="30">
      <t>シャ</t>
    </rPh>
    <rPh sb="32" eb="34">
      <t>ニンイ</t>
    </rPh>
    <rPh sb="35" eb="37">
      <t>チカ</t>
    </rPh>
    <rPh sb="40" eb="41">
      <t>トウ</t>
    </rPh>
    <rPh sb="41" eb="43">
      <t>テイキ</t>
    </rPh>
    <rPh sb="43" eb="45">
      <t>テンケン</t>
    </rPh>
    <rPh sb="45" eb="47">
      <t>ギジュツ</t>
    </rPh>
    <rPh sb="47" eb="48">
      <t>シャ</t>
    </rPh>
    <rPh sb="48" eb="50">
      <t>コウシュウ</t>
    </rPh>
    <rPh sb="50" eb="53">
      <t>シュウリョウシャ</t>
    </rPh>
    <phoneticPr fontId="11"/>
  </si>
  <si>
    <t>K</t>
  </si>
  <si>
    <t>ボイラーの点検・清掃</t>
  </si>
  <si>
    <t>【任意】ボイラー整備士</t>
    <rPh sb="1" eb="3">
      <t>ニンイ</t>
    </rPh>
    <rPh sb="8" eb="11">
      <t>セイビシ</t>
    </rPh>
    <phoneticPr fontId="11"/>
  </si>
  <si>
    <t>ボイラーの運転</t>
  </si>
  <si>
    <t>【任意】ボイラー技士
【任意】ボイラー取扱技能講習修了者
【任意】危険物取扱者</t>
    <rPh sb="1" eb="3">
      <t>ニンイ</t>
    </rPh>
    <rPh sb="8" eb="10">
      <t>ギシ</t>
    </rPh>
    <rPh sb="12" eb="14">
      <t>ニンイ</t>
    </rPh>
    <rPh sb="19" eb="21">
      <t>トリアツカイ</t>
    </rPh>
    <rPh sb="21" eb="23">
      <t>ギノウ</t>
    </rPh>
    <rPh sb="23" eb="25">
      <t>コウシュウ</t>
    </rPh>
    <rPh sb="25" eb="28">
      <t>シュウリョウシャ</t>
    </rPh>
    <rPh sb="30" eb="32">
      <t>ニンイ</t>
    </rPh>
    <rPh sb="33" eb="36">
      <t>キケンブツ</t>
    </rPh>
    <rPh sb="36" eb="38">
      <t>トリアツカイ</t>
    </rPh>
    <rPh sb="38" eb="39">
      <t>シャ</t>
    </rPh>
    <phoneticPr fontId="11"/>
  </si>
  <si>
    <t>ポンプの保守点検</t>
  </si>
  <si>
    <t>給水・排水ポンプ等の保守点検</t>
    <rPh sb="0" eb="2">
      <t>キュウスイ</t>
    </rPh>
    <rPh sb="3" eb="5">
      <t>ハイスイ</t>
    </rPh>
    <rPh sb="8" eb="9">
      <t>トウ</t>
    </rPh>
    <rPh sb="10" eb="12">
      <t>ホシュ</t>
    </rPh>
    <rPh sb="12" eb="14">
      <t>テンケン</t>
    </rPh>
    <phoneticPr fontId="11"/>
  </si>
  <si>
    <t>監視制御装置の保守点検</t>
    <rPh sb="0" eb="2">
      <t>カンシ</t>
    </rPh>
    <rPh sb="2" eb="4">
      <t>セイギョ</t>
    </rPh>
    <rPh sb="4" eb="6">
      <t>ソウチ</t>
    </rPh>
    <rPh sb="7" eb="9">
      <t>ホシュ</t>
    </rPh>
    <rPh sb="9" eb="11">
      <t>テンケン</t>
    </rPh>
    <phoneticPr fontId="11"/>
  </si>
  <si>
    <t>中央監視装置</t>
    <rPh sb="0" eb="2">
      <t>チュウオウ</t>
    </rPh>
    <rPh sb="2" eb="4">
      <t>カンシ</t>
    </rPh>
    <rPh sb="4" eb="6">
      <t>ソウチ</t>
    </rPh>
    <phoneticPr fontId="11"/>
  </si>
  <si>
    <t>中央監視装置の保守点検</t>
    <rPh sb="0" eb="2">
      <t>チュウオウ</t>
    </rPh>
    <rPh sb="2" eb="4">
      <t>カンシ</t>
    </rPh>
    <rPh sb="4" eb="6">
      <t>ソウチ</t>
    </rPh>
    <rPh sb="7" eb="9">
      <t>ホシュ</t>
    </rPh>
    <rPh sb="9" eb="11">
      <t>テンケン</t>
    </rPh>
    <phoneticPr fontId="11"/>
  </si>
  <si>
    <t>自動制御装置</t>
    <rPh sb="0" eb="2">
      <t>ジドウ</t>
    </rPh>
    <rPh sb="2" eb="4">
      <t>セイギョ</t>
    </rPh>
    <rPh sb="4" eb="6">
      <t>ソウチ</t>
    </rPh>
    <phoneticPr fontId="11"/>
  </si>
  <si>
    <t>自動制御装置の保守点検</t>
    <rPh sb="0" eb="2">
      <t>ジドウ</t>
    </rPh>
    <rPh sb="2" eb="4">
      <t>セイギョ</t>
    </rPh>
    <rPh sb="4" eb="6">
      <t>ソウチ</t>
    </rPh>
    <rPh sb="7" eb="9">
      <t>ホシュ</t>
    </rPh>
    <rPh sb="9" eb="11">
      <t>テンケン</t>
    </rPh>
    <phoneticPr fontId="11"/>
  </si>
  <si>
    <t>消防設備の保守点検</t>
    <rPh sb="5" eb="7">
      <t>ホシュ</t>
    </rPh>
    <phoneticPr fontId="11"/>
  </si>
  <si>
    <t>【必須】消防設備士　又は　消防設備点検資格者
【任意】防火対象物点検資格者
【任意】電気主任技術者　又は　電気工事士
【任意】自家用発電設備専門技術者</t>
    <rPh sb="1" eb="3">
      <t>ヒッス</t>
    </rPh>
    <rPh sb="4" eb="6">
      <t>ショウボウ</t>
    </rPh>
    <rPh sb="6" eb="8">
      <t>セツビ</t>
    </rPh>
    <rPh sb="8" eb="9">
      <t>シ</t>
    </rPh>
    <rPh sb="10" eb="11">
      <t>マタ</t>
    </rPh>
    <rPh sb="13" eb="15">
      <t>ショウボウ</t>
    </rPh>
    <rPh sb="15" eb="17">
      <t>セツビ</t>
    </rPh>
    <rPh sb="17" eb="19">
      <t>テンケン</t>
    </rPh>
    <rPh sb="19" eb="22">
      <t>シカクシャ</t>
    </rPh>
    <rPh sb="24" eb="26">
      <t>ニンイ</t>
    </rPh>
    <rPh sb="27" eb="29">
      <t>ボウカ</t>
    </rPh>
    <rPh sb="29" eb="32">
      <t>タイショウブツ</t>
    </rPh>
    <rPh sb="32" eb="34">
      <t>テンケン</t>
    </rPh>
    <rPh sb="34" eb="37">
      <t>シカクシャ</t>
    </rPh>
    <rPh sb="39" eb="41">
      <t>ニンイ</t>
    </rPh>
    <rPh sb="42" eb="44">
      <t>デンキ</t>
    </rPh>
    <rPh sb="44" eb="46">
      <t>シュニン</t>
    </rPh>
    <rPh sb="46" eb="49">
      <t>ギジュツシャ</t>
    </rPh>
    <rPh sb="50" eb="51">
      <t>マタ</t>
    </rPh>
    <rPh sb="53" eb="55">
      <t>デンキ</t>
    </rPh>
    <rPh sb="55" eb="57">
      <t>コウジ</t>
    </rPh>
    <rPh sb="57" eb="58">
      <t>シ</t>
    </rPh>
    <rPh sb="60" eb="62">
      <t>ニンイ</t>
    </rPh>
    <rPh sb="63" eb="66">
      <t>ジカヨウ</t>
    </rPh>
    <rPh sb="66" eb="68">
      <t>ハツデン</t>
    </rPh>
    <rPh sb="68" eb="70">
      <t>セツビ</t>
    </rPh>
    <rPh sb="70" eb="72">
      <t>センモン</t>
    </rPh>
    <rPh sb="72" eb="74">
      <t>ギジュツ</t>
    </rPh>
    <rPh sb="74" eb="75">
      <t>シャ</t>
    </rPh>
    <phoneticPr fontId="11"/>
  </si>
  <si>
    <t>建築設備の定期点検</t>
    <rPh sb="0" eb="2">
      <t>ケンチク</t>
    </rPh>
    <rPh sb="2" eb="4">
      <t>セツビ</t>
    </rPh>
    <rPh sb="5" eb="7">
      <t>テイキ</t>
    </rPh>
    <rPh sb="7" eb="9">
      <t>テンケン</t>
    </rPh>
    <phoneticPr fontId="11"/>
  </si>
  <si>
    <t>建築基準法第１２条第４項に基づく建築設備定期点検（エレベーターを除く。）</t>
    <rPh sb="0" eb="2">
      <t>ケンチク</t>
    </rPh>
    <rPh sb="2" eb="4">
      <t>キジュンホウ</t>
    </rPh>
    <rPh sb="4" eb="5">
      <t>ホウ</t>
    </rPh>
    <rPh sb="5" eb="9">
      <t>ダイ１２ジョウ</t>
    </rPh>
    <rPh sb="9" eb="12">
      <t>ダイ４コウ</t>
    </rPh>
    <rPh sb="13" eb="14">
      <t>モト</t>
    </rPh>
    <rPh sb="16" eb="18">
      <t>ケンチク</t>
    </rPh>
    <rPh sb="18" eb="20">
      <t>セツビ</t>
    </rPh>
    <rPh sb="20" eb="22">
      <t>テイキ</t>
    </rPh>
    <rPh sb="22" eb="24">
      <t>テンケン</t>
    </rPh>
    <rPh sb="32" eb="33">
      <t>ノゾ</t>
    </rPh>
    <phoneticPr fontId="11"/>
  </si>
  <si>
    <t>【必須】建築士　，　建築設備検査員　又は　防火設備検査員</t>
    <rPh sb="1" eb="3">
      <t>ヒッス</t>
    </rPh>
    <rPh sb="4" eb="7">
      <t>ケンチクシ</t>
    </rPh>
    <rPh sb="10" eb="12">
      <t>ケンチク</t>
    </rPh>
    <rPh sb="12" eb="14">
      <t>セツビ</t>
    </rPh>
    <rPh sb="14" eb="16">
      <t>ケンサ</t>
    </rPh>
    <rPh sb="18" eb="19">
      <t>マタ</t>
    </rPh>
    <rPh sb="21" eb="23">
      <t>ボウカ</t>
    </rPh>
    <rPh sb="23" eb="25">
      <t>セツビ</t>
    </rPh>
    <rPh sb="25" eb="28">
      <t>ケンサイン</t>
    </rPh>
    <phoneticPr fontId="11"/>
  </si>
  <si>
    <t>Ｑ</t>
  </si>
  <si>
    <t>クレーンの保守点検</t>
    <rPh sb="5" eb="7">
      <t>ホシュ</t>
    </rPh>
    <rPh sb="7" eb="9">
      <t>テンケン</t>
    </rPh>
    <phoneticPr fontId="11"/>
  </si>
  <si>
    <t>クレーン設備の保守点検</t>
    <rPh sb="4" eb="6">
      <t>セツビ</t>
    </rPh>
    <rPh sb="7" eb="9">
      <t>ホシュ</t>
    </rPh>
    <rPh sb="9" eb="11">
      <t>テンケン</t>
    </rPh>
    <phoneticPr fontId="11"/>
  </si>
  <si>
    <t>Ｒ</t>
    <phoneticPr fontId="11"/>
  </si>
  <si>
    <t>放送通信設備の保守点検</t>
    <rPh sb="0" eb="2">
      <t>ホウソウ</t>
    </rPh>
    <rPh sb="2" eb="4">
      <t>ツウシン</t>
    </rPh>
    <rPh sb="4" eb="6">
      <t>セツビ</t>
    </rPh>
    <rPh sb="7" eb="9">
      <t>ホシュ</t>
    </rPh>
    <rPh sb="9" eb="11">
      <t>テンケン</t>
    </rPh>
    <phoneticPr fontId="11"/>
  </si>
  <si>
    <t>電話交換機の保守点検</t>
    <rPh sb="0" eb="2">
      <t>デンワ</t>
    </rPh>
    <rPh sb="2" eb="5">
      <t>コウカンキ</t>
    </rPh>
    <rPh sb="6" eb="8">
      <t>ホシュ</t>
    </rPh>
    <rPh sb="8" eb="10">
      <t>テンケン</t>
    </rPh>
    <phoneticPr fontId="11"/>
  </si>
  <si>
    <t>構内電話交換機の保守点検</t>
    <rPh sb="0" eb="2">
      <t>コウナイ</t>
    </rPh>
    <rPh sb="2" eb="4">
      <t>デンワ</t>
    </rPh>
    <rPh sb="4" eb="7">
      <t>コウカンキ</t>
    </rPh>
    <rPh sb="8" eb="10">
      <t>ホシュ</t>
    </rPh>
    <rPh sb="10" eb="12">
      <t>テンケン</t>
    </rPh>
    <phoneticPr fontId="11"/>
  </si>
  <si>
    <t>【必須】工事担任者ＡＩ第1種　又は　工事担任者ＡＩ・ＤＤ総合種</t>
    <rPh sb="1" eb="3">
      <t>ヒッス</t>
    </rPh>
    <rPh sb="4" eb="6">
      <t>コウジ</t>
    </rPh>
    <rPh sb="6" eb="9">
      <t>タンニンシャ</t>
    </rPh>
    <rPh sb="11" eb="12">
      <t>ダイ</t>
    </rPh>
    <rPh sb="13" eb="14">
      <t>シュ</t>
    </rPh>
    <rPh sb="15" eb="16">
      <t>マタ</t>
    </rPh>
    <rPh sb="18" eb="20">
      <t>コウジ</t>
    </rPh>
    <rPh sb="20" eb="23">
      <t>タンニンシャ</t>
    </rPh>
    <rPh sb="28" eb="30">
      <t>ソウゴウ</t>
    </rPh>
    <rPh sb="30" eb="31">
      <t>シュ</t>
    </rPh>
    <phoneticPr fontId="11"/>
  </si>
  <si>
    <t>テレビ共聴設備</t>
    <rPh sb="3" eb="4">
      <t>キョウ</t>
    </rPh>
    <rPh sb="4" eb="5">
      <t>チョウ</t>
    </rPh>
    <rPh sb="5" eb="7">
      <t>セツビ</t>
    </rPh>
    <phoneticPr fontId="11"/>
  </si>
  <si>
    <t>テレビ共聴設備の保守点検</t>
    <rPh sb="3" eb="4">
      <t>トモ</t>
    </rPh>
    <rPh sb="4" eb="5">
      <t>チョウ</t>
    </rPh>
    <rPh sb="5" eb="7">
      <t>セツビ</t>
    </rPh>
    <rPh sb="8" eb="10">
      <t>ホシュ</t>
    </rPh>
    <rPh sb="10" eb="12">
      <t>テンケン</t>
    </rPh>
    <phoneticPr fontId="11"/>
  </si>
  <si>
    <t>放送設備</t>
    <rPh sb="0" eb="2">
      <t>ホウソウ</t>
    </rPh>
    <rPh sb="2" eb="4">
      <t>セツビ</t>
    </rPh>
    <phoneticPr fontId="11"/>
  </si>
  <si>
    <t>放送設備，音響設備の保守点検</t>
    <rPh sb="0" eb="2">
      <t>ホウソウ</t>
    </rPh>
    <rPh sb="2" eb="4">
      <t>セツビ</t>
    </rPh>
    <rPh sb="5" eb="7">
      <t>オンキョウ</t>
    </rPh>
    <rPh sb="7" eb="9">
      <t>セツビ</t>
    </rPh>
    <rPh sb="10" eb="12">
      <t>ホシュ</t>
    </rPh>
    <rPh sb="12" eb="14">
      <t>テンケン</t>
    </rPh>
    <phoneticPr fontId="11"/>
  </si>
  <si>
    <t>施設警備</t>
    <rPh sb="0" eb="2">
      <t>シセツ</t>
    </rPh>
    <rPh sb="2" eb="4">
      <t>ケイビ</t>
    </rPh>
    <phoneticPr fontId="11"/>
  </si>
  <si>
    <t>警備員の常駐による警備</t>
    <phoneticPr fontId="18"/>
  </si>
  <si>
    <t>【必須】警備業認定
【必須】営業所設置等届出（県外業者のみ）
【必須】警備員指導教育責任者
【任意】警備員検定（施設警備業務）</t>
    <rPh sb="1" eb="3">
      <t>ヒッス</t>
    </rPh>
    <rPh sb="4" eb="6">
      <t>ケイビ</t>
    </rPh>
    <rPh sb="6" eb="7">
      <t>ギョウ</t>
    </rPh>
    <rPh sb="7" eb="9">
      <t>ニンテイ</t>
    </rPh>
    <rPh sb="11" eb="13">
      <t>ヒッス</t>
    </rPh>
    <rPh sb="14" eb="17">
      <t>エイギョウショ</t>
    </rPh>
    <rPh sb="17" eb="19">
      <t>セッチ</t>
    </rPh>
    <rPh sb="19" eb="20">
      <t>トウ</t>
    </rPh>
    <rPh sb="20" eb="21">
      <t>トドケ</t>
    </rPh>
    <rPh sb="21" eb="22">
      <t>デ</t>
    </rPh>
    <rPh sb="23" eb="25">
      <t>ケンガイ</t>
    </rPh>
    <rPh sb="25" eb="27">
      <t>ギョウシャ</t>
    </rPh>
    <rPh sb="32" eb="34">
      <t>ヒッス</t>
    </rPh>
    <rPh sb="35" eb="38">
      <t>ケイビイン</t>
    </rPh>
    <rPh sb="38" eb="40">
      <t>シドウ</t>
    </rPh>
    <rPh sb="40" eb="42">
      <t>キョウイク</t>
    </rPh>
    <rPh sb="42" eb="45">
      <t>セキニンシャ</t>
    </rPh>
    <rPh sb="47" eb="49">
      <t>ニンイ</t>
    </rPh>
    <rPh sb="50" eb="52">
      <t>ケイビ</t>
    </rPh>
    <rPh sb="52" eb="53">
      <t>イン</t>
    </rPh>
    <rPh sb="53" eb="55">
      <t>ケンテイ</t>
    </rPh>
    <rPh sb="56" eb="58">
      <t>シセツ</t>
    </rPh>
    <rPh sb="58" eb="60">
      <t>ケイビ</t>
    </rPh>
    <rPh sb="60" eb="62">
      <t>ギョウム</t>
    </rPh>
    <phoneticPr fontId="11"/>
  </si>
  <si>
    <t>警備･受付</t>
    <rPh sb="0" eb="2">
      <t>ケイビ</t>
    </rPh>
    <rPh sb="3" eb="5">
      <t>ウケツケ</t>
    </rPh>
    <phoneticPr fontId="11"/>
  </si>
  <si>
    <t>機械警備</t>
  </si>
  <si>
    <t>監視・警報機器による遠隔警備</t>
  </si>
  <si>
    <t>【必須】警備業認定
【必須】機械警備業務開始届出
【必須】機械警備業務管理者</t>
    <rPh sb="1" eb="3">
      <t>ヒッス</t>
    </rPh>
    <rPh sb="4" eb="6">
      <t>ケイビ</t>
    </rPh>
    <rPh sb="6" eb="7">
      <t>ギョウ</t>
    </rPh>
    <rPh sb="7" eb="9">
      <t>ニンテイ</t>
    </rPh>
    <rPh sb="11" eb="13">
      <t>ヒッス</t>
    </rPh>
    <rPh sb="14" eb="16">
      <t>キカイ</t>
    </rPh>
    <rPh sb="16" eb="18">
      <t>ケイビ</t>
    </rPh>
    <rPh sb="18" eb="19">
      <t>ギョウ</t>
    </rPh>
    <rPh sb="19" eb="20">
      <t>ム</t>
    </rPh>
    <rPh sb="20" eb="22">
      <t>カイシ</t>
    </rPh>
    <rPh sb="22" eb="24">
      <t>トドケデ</t>
    </rPh>
    <rPh sb="26" eb="28">
      <t>ヒッス</t>
    </rPh>
    <rPh sb="29" eb="31">
      <t>キカイ</t>
    </rPh>
    <rPh sb="31" eb="33">
      <t>ケイビ</t>
    </rPh>
    <rPh sb="33" eb="35">
      <t>ギョウム</t>
    </rPh>
    <rPh sb="35" eb="38">
      <t>カンリシャ</t>
    </rPh>
    <phoneticPr fontId="11"/>
  </si>
  <si>
    <t>Ｃ</t>
    <phoneticPr fontId="11"/>
  </si>
  <si>
    <t>その他の警備</t>
    <rPh sb="2" eb="3">
      <t>タ</t>
    </rPh>
    <rPh sb="4" eb="6">
      <t>ケイビ</t>
    </rPh>
    <phoneticPr fontId="11"/>
  </si>
  <si>
    <t>イベント警備（雑踏整理含む），交通誘導，駐車場等警備（出入管理業務含む），特殊警備</t>
    <rPh sb="4" eb="6">
      <t>ケイビ</t>
    </rPh>
    <rPh sb="7" eb="9">
      <t>ザットウ</t>
    </rPh>
    <rPh sb="9" eb="11">
      <t>セイリ</t>
    </rPh>
    <rPh sb="11" eb="12">
      <t>フク</t>
    </rPh>
    <rPh sb="15" eb="17">
      <t>コウツウ</t>
    </rPh>
    <rPh sb="17" eb="19">
      <t>ユウドウ</t>
    </rPh>
    <rPh sb="20" eb="24">
      <t>チュウシャジョウトウ</t>
    </rPh>
    <rPh sb="24" eb="26">
      <t>ケイビ</t>
    </rPh>
    <rPh sb="27" eb="29">
      <t>シュツニュウ</t>
    </rPh>
    <rPh sb="29" eb="31">
      <t>カンリ</t>
    </rPh>
    <rPh sb="31" eb="33">
      <t>ギョウム</t>
    </rPh>
    <rPh sb="33" eb="34">
      <t>フク</t>
    </rPh>
    <rPh sb="37" eb="39">
      <t>トクシュ</t>
    </rPh>
    <rPh sb="39" eb="41">
      <t>ケイビ</t>
    </rPh>
    <phoneticPr fontId="11"/>
  </si>
  <si>
    <t>【必須】警備業認定
【必須】営業所設置届（県外業者のみ）
【必須】警備員指導教育責任者
【任意】警備員検定（雑踏警備業務）
【任意】警備員検定（交通誘導警備業務）</t>
    <rPh sb="1" eb="3">
      <t>ヒッス</t>
    </rPh>
    <rPh sb="4" eb="6">
      <t>ケイビ</t>
    </rPh>
    <rPh sb="6" eb="7">
      <t>ギョウ</t>
    </rPh>
    <rPh sb="7" eb="9">
      <t>ニンテイ</t>
    </rPh>
    <rPh sb="11" eb="13">
      <t>ヒッス</t>
    </rPh>
    <rPh sb="14" eb="17">
      <t>エイギョウショ</t>
    </rPh>
    <rPh sb="17" eb="19">
      <t>セッチ</t>
    </rPh>
    <rPh sb="19" eb="20">
      <t>トドケ</t>
    </rPh>
    <rPh sb="21" eb="23">
      <t>ケンガイ</t>
    </rPh>
    <rPh sb="23" eb="25">
      <t>ギョウシャ</t>
    </rPh>
    <rPh sb="30" eb="32">
      <t>ヒッス</t>
    </rPh>
    <rPh sb="33" eb="36">
      <t>ケイビイン</t>
    </rPh>
    <rPh sb="36" eb="38">
      <t>シドウ</t>
    </rPh>
    <rPh sb="38" eb="40">
      <t>キョウイク</t>
    </rPh>
    <rPh sb="40" eb="43">
      <t>セキニンシャ</t>
    </rPh>
    <rPh sb="45" eb="47">
      <t>ニンイ</t>
    </rPh>
    <rPh sb="48" eb="50">
      <t>ケイビ</t>
    </rPh>
    <rPh sb="50" eb="51">
      <t>イン</t>
    </rPh>
    <rPh sb="51" eb="53">
      <t>ケンテイ</t>
    </rPh>
    <rPh sb="54" eb="56">
      <t>ザットウ</t>
    </rPh>
    <rPh sb="56" eb="58">
      <t>ケイビ</t>
    </rPh>
    <rPh sb="58" eb="60">
      <t>ギョウム</t>
    </rPh>
    <rPh sb="63" eb="65">
      <t>ニンイ</t>
    </rPh>
    <rPh sb="66" eb="69">
      <t>ケイビイン</t>
    </rPh>
    <rPh sb="69" eb="71">
      <t>ケンテイ</t>
    </rPh>
    <rPh sb="72" eb="74">
      <t>コウツウ</t>
    </rPh>
    <rPh sb="74" eb="76">
      <t>ユウドウ</t>
    </rPh>
    <rPh sb="76" eb="78">
      <t>ケイビ</t>
    </rPh>
    <rPh sb="78" eb="80">
      <t>ギョウム</t>
    </rPh>
    <phoneticPr fontId="11"/>
  </si>
  <si>
    <t>駐車場管理</t>
  </si>
  <si>
    <t>駐車場・駐輪場の管理・点検</t>
    <phoneticPr fontId="18"/>
  </si>
  <si>
    <t>受付</t>
  </si>
  <si>
    <t>施設受付</t>
    <rPh sb="0" eb="2">
      <t>シセツ</t>
    </rPh>
    <rPh sb="2" eb="4">
      <t>ウケツケ</t>
    </rPh>
    <phoneticPr fontId="11"/>
  </si>
  <si>
    <t>施設や庁舎の受付・案内業務</t>
    <rPh sb="0" eb="2">
      <t>シセツ</t>
    </rPh>
    <rPh sb="3" eb="5">
      <t>チョウシャ</t>
    </rPh>
    <phoneticPr fontId="18"/>
  </si>
  <si>
    <t>会場案内</t>
    <rPh sb="0" eb="2">
      <t>カイジョウ</t>
    </rPh>
    <rPh sb="2" eb="4">
      <t>アンナイ</t>
    </rPh>
    <phoneticPr fontId="11"/>
  </si>
  <si>
    <t>イベント等会場案内</t>
    <rPh sb="4" eb="5">
      <t>トウ</t>
    </rPh>
    <rPh sb="5" eb="7">
      <t>カイジョウ</t>
    </rPh>
    <rPh sb="7" eb="9">
      <t>アンナイ</t>
    </rPh>
    <phoneticPr fontId="11"/>
  </si>
  <si>
    <t>電話交換</t>
  </si>
  <si>
    <t>交換機による代表電話の受付・案内業務</t>
  </si>
  <si>
    <t>各種申請・申告受付等</t>
    <rPh sb="0" eb="2">
      <t>カクシュ</t>
    </rPh>
    <rPh sb="2" eb="4">
      <t>シンセイ</t>
    </rPh>
    <rPh sb="5" eb="7">
      <t>シンコク</t>
    </rPh>
    <rPh sb="7" eb="9">
      <t>ウケツケ</t>
    </rPh>
    <rPh sb="9" eb="10">
      <t>トウ</t>
    </rPh>
    <phoneticPr fontId="18"/>
  </si>
  <si>
    <t>調査・研究</t>
    <phoneticPr fontId="11"/>
  </si>
  <si>
    <t>意識調査</t>
    <rPh sb="0" eb="2">
      <t>イシキ</t>
    </rPh>
    <rPh sb="2" eb="4">
      <t>チョウサ</t>
    </rPh>
    <phoneticPr fontId="11"/>
  </si>
  <si>
    <t>意識調査，世論調査</t>
    <rPh sb="0" eb="2">
      <t>イシキ</t>
    </rPh>
    <rPh sb="2" eb="4">
      <t>チョウサ</t>
    </rPh>
    <rPh sb="5" eb="7">
      <t>ヨロン</t>
    </rPh>
    <rPh sb="7" eb="9">
      <t>チョウサ</t>
    </rPh>
    <phoneticPr fontId="11"/>
  </si>
  <si>
    <t>調査･測定</t>
    <rPh sb="0" eb="2">
      <t>チョウサ</t>
    </rPh>
    <rPh sb="3" eb="5">
      <t>ソクテイ</t>
    </rPh>
    <phoneticPr fontId="11"/>
  </si>
  <si>
    <t>市場経済調査</t>
    <rPh sb="0" eb="2">
      <t>シジョウ</t>
    </rPh>
    <rPh sb="2" eb="4">
      <t>ケイザイ</t>
    </rPh>
    <rPh sb="4" eb="6">
      <t>チョウサ</t>
    </rPh>
    <phoneticPr fontId="11"/>
  </si>
  <si>
    <t>市場調査，経営調査，企業調査</t>
    <rPh sb="0" eb="2">
      <t>シジョウ</t>
    </rPh>
    <rPh sb="2" eb="4">
      <t>チョウサ</t>
    </rPh>
    <rPh sb="5" eb="7">
      <t>ケイエイ</t>
    </rPh>
    <rPh sb="7" eb="9">
      <t>チョウサ</t>
    </rPh>
    <rPh sb="10" eb="12">
      <t>キギョウ</t>
    </rPh>
    <rPh sb="12" eb="14">
      <t>チョウサ</t>
    </rPh>
    <phoneticPr fontId="11"/>
  </si>
  <si>
    <t>交通関係調査</t>
    <rPh sb="0" eb="2">
      <t>コウツウ</t>
    </rPh>
    <rPh sb="2" eb="4">
      <t>カンケイ</t>
    </rPh>
    <rPh sb="4" eb="6">
      <t>チョウサ</t>
    </rPh>
    <phoneticPr fontId="11"/>
  </si>
  <si>
    <t>交通量調査</t>
    <rPh sb="0" eb="2">
      <t>コウツウ</t>
    </rPh>
    <rPh sb="2" eb="3">
      <t>リョウ</t>
    </rPh>
    <rPh sb="3" eb="5">
      <t>チョウサ</t>
    </rPh>
    <phoneticPr fontId="11"/>
  </si>
  <si>
    <t>環境関係調査</t>
    <rPh sb="0" eb="2">
      <t>カンキョウ</t>
    </rPh>
    <rPh sb="2" eb="4">
      <t>カンケイ</t>
    </rPh>
    <rPh sb="4" eb="6">
      <t>チョウサ</t>
    </rPh>
    <phoneticPr fontId="11"/>
  </si>
  <si>
    <t>環境アセスメント，計量証明事業に係る測定を除く環境調査</t>
    <rPh sb="0" eb="2">
      <t>カンキョウ</t>
    </rPh>
    <rPh sb="9" eb="11">
      <t>ケイリョウ</t>
    </rPh>
    <rPh sb="11" eb="13">
      <t>ショウメイ</t>
    </rPh>
    <rPh sb="13" eb="15">
      <t>ジギョウ</t>
    </rPh>
    <rPh sb="16" eb="17">
      <t>カカ</t>
    </rPh>
    <rPh sb="18" eb="20">
      <t>ソクテイ</t>
    </rPh>
    <rPh sb="21" eb="22">
      <t>ノゾ</t>
    </rPh>
    <rPh sb="23" eb="25">
      <t>カンキョウ</t>
    </rPh>
    <rPh sb="25" eb="27">
      <t>チョウサ</t>
    </rPh>
    <phoneticPr fontId="11"/>
  </si>
  <si>
    <t>漏水調査</t>
    <rPh sb="0" eb="2">
      <t>ロウスイ</t>
    </rPh>
    <rPh sb="2" eb="4">
      <t>チョウサ</t>
    </rPh>
    <phoneticPr fontId="11"/>
  </si>
  <si>
    <t>水道管等の漏水調査，下水道カメラ調査</t>
    <rPh sb="0" eb="3">
      <t>スイドウカン</t>
    </rPh>
    <rPh sb="3" eb="4">
      <t>トウ</t>
    </rPh>
    <rPh sb="5" eb="7">
      <t>ロウスイ</t>
    </rPh>
    <rPh sb="7" eb="9">
      <t>チョウサ</t>
    </rPh>
    <rPh sb="10" eb="13">
      <t>ゲスイドウ</t>
    </rPh>
    <rPh sb="16" eb="18">
      <t>チョウサ</t>
    </rPh>
    <phoneticPr fontId="11"/>
  </si>
  <si>
    <t>研究</t>
    <rPh sb="0" eb="2">
      <t>ケンキュウ</t>
    </rPh>
    <phoneticPr fontId="11"/>
  </si>
  <si>
    <t>各種試験研究，技術開発研究</t>
    <rPh sb="0" eb="2">
      <t>カクシュ</t>
    </rPh>
    <rPh sb="2" eb="4">
      <t>シケン</t>
    </rPh>
    <rPh sb="4" eb="6">
      <t>ケンキュウ</t>
    </rPh>
    <phoneticPr fontId="11"/>
  </si>
  <si>
    <t>計画</t>
    <rPh sb="0" eb="2">
      <t>ケイカク</t>
    </rPh>
    <phoneticPr fontId="11"/>
  </si>
  <si>
    <t>各種計画策定</t>
    <rPh sb="0" eb="2">
      <t>カクシュ</t>
    </rPh>
    <rPh sb="2" eb="4">
      <t>ケイカク</t>
    </rPh>
    <rPh sb="4" eb="6">
      <t>サクテイ</t>
    </rPh>
    <phoneticPr fontId="11"/>
  </si>
  <si>
    <t>自動車保管場所現地調査，信号柱等非破壊検査</t>
    <rPh sb="0" eb="3">
      <t>ジドウシャ</t>
    </rPh>
    <rPh sb="3" eb="5">
      <t>ホカン</t>
    </rPh>
    <rPh sb="5" eb="7">
      <t>バショ</t>
    </rPh>
    <rPh sb="7" eb="9">
      <t>ゲンチ</t>
    </rPh>
    <rPh sb="9" eb="11">
      <t>チョウサ</t>
    </rPh>
    <phoneticPr fontId="11"/>
  </si>
  <si>
    <t>環境測定</t>
  </si>
  <si>
    <t>大気・悪臭検査</t>
    <rPh sb="0" eb="2">
      <t>タイキ</t>
    </rPh>
    <rPh sb="3" eb="5">
      <t>アクシュウ</t>
    </rPh>
    <rPh sb="5" eb="7">
      <t>ケンサ</t>
    </rPh>
    <phoneticPr fontId="11"/>
  </si>
  <si>
    <t>計量証明事業に係る検査測定（大気・悪臭）</t>
    <rPh sb="0" eb="2">
      <t>ケイリョウ</t>
    </rPh>
    <rPh sb="2" eb="4">
      <t>ショウメイ</t>
    </rPh>
    <rPh sb="4" eb="6">
      <t>ジギョウ</t>
    </rPh>
    <rPh sb="7" eb="8">
      <t>カカ</t>
    </rPh>
    <rPh sb="9" eb="11">
      <t>ケンサ</t>
    </rPh>
    <rPh sb="11" eb="13">
      <t>ソクテイ</t>
    </rPh>
    <rPh sb="14" eb="16">
      <t>タイキ</t>
    </rPh>
    <phoneticPr fontId="11"/>
  </si>
  <si>
    <t>【必須】環境計量士
「01大気・悪臭検査」及び「02水質・土壌検査」のみ
（【必須】計量証明事業登録（濃度））
「03ダイオキシン検査」のみ
（【必須】特定計量証明事業登録（ダイオキシン））
「04その他」のみ
（【必須】計量証明事業登録（濃度，音圧レベル　又は　振動加速度）</t>
    <rPh sb="1" eb="3">
      <t>ヒッス</t>
    </rPh>
    <rPh sb="4" eb="6">
      <t>カンキョウ</t>
    </rPh>
    <rPh sb="6" eb="8">
      <t>ケイリョウ</t>
    </rPh>
    <rPh sb="8" eb="9">
      <t>シ</t>
    </rPh>
    <rPh sb="14" eb="16">
      <t>タイキ</t>
    </rPh>
    <rPh sb="17" eb="19">
      <t>アクシュウ</t>
    </rPh>
    <rPh sb="19" eb="21">
      <t>ケンサ</t>
    </rPh>
    <rPh sb="22" eb="23">
      <t>オヨ</t>
    </rPh>
    <rPh sb="27" eb="29">
      <t>スイシツ</t>
    </rPh>
    <rPh sb="30" eb="32">
      <t>ドジョウ</t>
    </rPh>
    <rPh sb="32" eb="34">
      <t>ケンサ</t>
    </rPh>
    <rPh sb="40" eb="42">
      <t>ヒッス</t>
    </rPh>
    <rPh sb="43" eb="45">
      <t>ケイリョウ</t>
    </rPh>
    <rPh sb="45" eb="47">
      <t>ショウメイ</t>
    </rPh>
    <rPh sb="47" eb="49">
      <t>ジギョウ</t>
    </rPh>
    <rPh sb="49" eb="51">
      <t>トウロク</t>
    </rPh>
    <rPh sb="52" eb="54">
      <t>ノウド</t>
    </rPh>
    <rPh sb="66" eb="68">
      <t>ケンサ</t>
    </rPh>
    <rPh sb="74" eb="76">
      <t>ヒッス</t>
    </rPh>
    <rPh sb="77" eb="79">
      <t>トクテイ</t>
    </rPh>
    <rPh sb="79" eb="81">
      <t>ケイリョウ</t>
    </rPh>
    <rPh sb="81" eb="83">
      <t>ショウメイ</t>
    </rPh>
    <rPh sb="83" eb="85">
      <t>ジギョウ</t>
    </rPh>
    <rPh sb="85" eb="87">
      <t>トウロク</t>
    </rPh>
    <rPh sb="102" eb="103">
      <t>タ</t>
    </rPh>
    <rPh sb="109" eb="111">
      <t>ヒッス</t>
    </rPh>
    <rPh sb="112" eb="114">
      <t>ケイリョウ</t>
    </rPh>
    <rPh sb="114" eb="116">
      <t>ショウメイ</t>
    </rPh>
    <rPh sb="116" eb="118">
      <t>ジギョウ</t>
    </rPh>
    <rPh sb="118" eb="120">
      <t>トウロク</t>
    </rPh>
    <rPh sb="121" eb="123">
      <t>ノウド</t>
    </rPh>
    <rPh sb="124" eb="126">
      <t>オンアツ</t>
    </rPh>
    <rPh sb="130" eb="131">
      <t>マタ</t>
    </rPh>
    <rPh sb="133" eb="135">
      <t>シンドウ</t>
    </rPh>
    <rPh sb="135" eb="138">
      <t>カソクド</t>
    </rPh>
    <phoneticPr fontId="11"/>
  </si>
  <si>
    <t>水質・土壌検査</t>
    <rPh sb="0" eb="2">
      <t>スイシツ</t>
    </rPh>
    <rPh sb="3" eb="5">
      <t>ドジョウ</t>
    </rPh>
    <rPh sb="5" eb="7">
      <t>ケンサ</t>
    </rPh>
    <phoneticPr fontId="11"/>
  </si>
  <si>
    <t>計量証明事業に係る検査測定（水質・土壌）</t>
    <rPh sb="0" eb="2">
      <t>ケイリョウ</t>
    </rPh>
    <rPh sb="2" eb="4">
      <t>ショウメイ</t>
    </rPh>
    <rPh sb="4" eb="6">
      <t>ジギョウ</t>
    </rPh>
    <rPh sb="7" eb="8">
      <t>カカ</t>
    </rPh>
    <rPh sb="9" eb="11">
      <t>ケンサ</t>
    </rPh>
    <rPh sb="11" eb="13">
      <t>ソクテイ</t>
    </rPh>
    <rPh sb="14" eb="16">
      <t>スイシツ</t>
    </rPh>
    <rPh sb="17" eb="19">
      <t>ドジョウ</t>
    </rPh>
    <phoneticPr fontId="11"/>
  </si>
  <si>
    <t>ダイオキシン検査</t>
    <rPh sb="6" eb="8">
      <t>ケンサ</t>
    </rPh>
    <phoneticPr fontId="11"/>
  </si>
  <si>
    <t>計量証明事業に係る検査測定（ダイオキシン）</t>
    <rPh sb="0" eb="2">
      <t>ケイリョウ</t>
    </rPh>
    <rPh sb="2" eb="4">
      <t>ショウメイ</t>
    </rPh>
    <rPh sb="4" eb="6">
      <t>ジギョウ</t>
    </rPh>
    <rPh sb="7" eb="8">
      <t>カカ</t>
    </rPh>
    <rPh sb="9" eb="11">
      <t>ケンサ</t>
    </rPh>
    <rPh sb="11" eb="13">
      <t>ソクテイ</t>
    </rPh>
    <phoneticPr fontId="11"/>
  </si>
  <si>
    <t>騒音・振動等その他計量証明事業に係る検査測定</t>
    <rPh sb="0" eb="2">
      <t>ソウオン</t>
    </rPh>
    <rPh sb="3" eb="5">
      <t>シンドウ</t>
    </rPh>
    <rPh sb="5" eb="6">
      <t>トウ</t>
    </rPh>
    <rPh sb="8" eb="9">
      <t>タ</t>
    </rPh>
    <rPh sb="9" eb="11">
      <t>ケイリョウ</t>
    </rPh>
    <rPh sb="11" eb="13">
      <t>ショウメイ</t>
    </rPh>
    <rPh sb="13" eb="15">
      <t>ジギョウ</t>
    </rPh>
    <rPh sb="16" eb="17">
      <t>カカ</t>
    </rPh>
    <rPh sb="18" eb="20">
      <t>ケンサ</t>
    </rPh>
    <rPh sb="20" eb="22">
      <t>ソクテイ</t>
    </rPh>
    <phoneticPr fontId="11"/>
  </si>
  <si>
    <t>理化学検査</t>
  </si>
  <si>
    <t>食品の成分分析，添加物・有害物分析，アレルギー物質検査，異物混入検査</t>
  </si>
  <si>
    <t>【任意】食品衛生法検査登録機関</t>
    <rPh sb="1" eb="3">
      <t>ニンイ</t>
    </rPh>
    <rPh sb="4" eb="6">
      <t>ショクヒン</t>
    </rPh>
    <rPh sb="6" eb="9">
      <t>エイセイホウ</t>
    </rPh>
    <rPh sb="9" eb="11">
      <t>ケンサ</t>
    </rPh>
    <rPh sb="11" eb="13">
      <t>トウロク</t>
    </rPh>
    <rPh sb="13" eb="15">
      <t>キカン</t>
    </rPh>
    <phoneticPr fontId="11"/>
  </si>
  <si>
    <t>作業環境測定</t>
  </si>
  <si>
    <t>作業場の粉塵・騒音・化学物質・放射能などの測定／安全衛生労働法などによる</t>
  </si>
  <si>
    <t>【必須】作業環境測定機関登録
【必須】作業環境測定士</t>
    <rPh sb="1" eb="3">
      <t>ヒッス</t>
    </rPh>
    <rPh sb="4" eb="8">
      <t>サギョウカンキョウ</t>
    </rPh>
    <rPh sb="8" eb="10">
      <t>ソクテイ</t>
    </rPh>
    <rPh sb="10" eb="12">
      <t>キカン</t>
    </rPh>
    <rPh sb="12" eb="14">
      <t>トウロク</t>
    </rPh>
    <rPh sb="16" eb="18">
      <t>ヒッス</t>
    </rPh>
    <rPh sb="19" eb="21">
      <t>サギョウ</t>
    </rPh>
    <rPh sb="21" eb="23">
      <t>カンキョウ</t>
    </rPh>
    <rPh sb="23" eb="25">
      <t>ソクテイ</t>
    </rPh>
    <rPh sb="25" eb="26">
      <t>シ</t>
    </rPh>
    <phoneticPr fontId="11"/>
  </si>
  <si>
    <t>水道水質検査</t>
    <rPh sb="0" eb="2">
      <t>スイドウ</t>
    </rPh>
    <rPh sb="2" eb="4">
      <t>スイシツ</t>
    </rPh>
    <rPh sb="4" eb="6">
      <t>ケンサ</t>
    </rPh>
    <phoneticPr fontId="18"/>
  </si>
  <si>
    <t>水道法に基づく水質検査</t>
    <rPh sb="0" eb="2">
      <t>スイドウ</t>
    </rPh>
    <rPh sb="2" eb="3">
      <t>ホウ</t>
    </rPh>
    <rPh sb="4" eb="5">
      <t>モト</t>
    </rPh>
    <rPh sb="7" eb="9">
      <t>スイシツ</t>
    </rPh>
    <rPh sb="9" eb="11">
      <t>ケンサ</t>
    </rPh>
    <phoneticPr fontId="18"/>
  </si>
  <si>
    <t>【必須】水質検査機関登録</t>
    <rPh sb="1" eb="3">
      <t>ヒッス</t>
    </rPh>
    <rPh sb="4" eb="6">
      <t>スイシツ</t>
    </rPh>
    <rPh sb="6" eb="8">
      <t>ケンサ</t>
    </rPh>
    <rPh sb="8" eb="10">
      <t>キカン</t>
    </rPh>
    <rPh sb="10" eb="12">
      <t>トウロク</t>
    </rPh>
    <phoneticPr fontId="11"/>
  </si>
  <si>
    <t>情報提供サービス</t>
    <rPh sb="0" eb="2">
      <t>ジョウホウ</t>
    </rPh>
    <rPh sb="2" eb="4">
      <t>テイキョウ</t>
    </rPh>
    <phoneticPr fontId="11"/>
  </si>
  <si>
    <t>データベース</t>
    <phoneticPr fontId="11"/>
  </si>
  <si>
    <t>気象情報・防災情報等のデータベースのインターネットによる提供</t>
    <phoneticPr fontId="11"/>
  </si>
  <si>
    <t>情報・通信</t>
    <rPh sb="0" eb="2">
      <t>ジョウホウ</t>
    </rPh>
    <rPh sb="3" eb="5">
      <t>ツウシン</t>
    </rPh>
    <phoneticPr fontId="11"/>
  </si>
  <si>
    <t>ＦＡＸ</t>
    <phoneticPr fontId="11"/>
  </si>
  <si>
    <t>ＦＡＸ機器を活用した情報提供サービスなど</t>
  </si>
  <si>
    <t>電気通信回線サービス</t>
    <rPh sb="0" eb="2">
      <t>デンキ</t>
    </rPh>
    <rPh sb="2" eb="4">
      <t>ツウシン</t>
    </rPh>
    <rPh sb="4" eb="6">
      <t>カイセン</t>
    </rPh>
    <phoneticPr fontId="18"/>
  </si>
  <si>
    <t>固定電話，携帯電話</t>
    <rPh sb="0" eb="2">
      <t>コテイ</t>
    </rPh>
    <rPh sb="2" eb="4">
      <t>デンワ</t>
    </rPh>
    <rPh sb="5" eb="7">
      <t>ケイタイ</t>
    </rPh>
    <rPh sb="7" eb="9">
      <t>デンワ</t>
    </rPh>
    <phoneticPr fontId="11"/>
  </si>
  <si>
    <t>【必須】電気通信事業届出・登録・認可[電気通信事業法]</t>
    <rPh sb="1" eb="3">
      <t>ヒッス</t>
    </rPh>
    <rPh sb="4" eb="6">
      <t>デンキ</t>
    </rPh>
    <rPh sb="6" eb="8">
      <t>ツウシン</t>
    </rPh>
    <rPh sb="8" eb="10">
      <t>ジギョウ</t>
    </rPh>
    <rPh sb="10" eb="12">
      <t>トドケデ</t>
    </rPh>
    <rPh sb="13" eb="15">
      <t>トウロク</t>
    </rPh>
    <rPh sb="16" eb="18">
      <t>ニンカ</t>
    </rPh>
    <rPh sb="19" eb="21">
      <t>デンキ</t>
    </rPh>
    <rPh sb="21" eb="23">
      <t>ツウシン</t>
    </rPh>
    <rPh sb="23" eb="26">
      <t>ジギョウホウ</t>
    </rPh>
    <phoneticPr fontId="11"/>
  </si>
  <si>
    <t>データ通信</t>
    <rPh sb="3" eb="5">
      <t>ツウシン</t>
    </rPh>
    <phoneticPr fontId="11"/>
  </si>
  <si>
    <t>インターネットプロバイダ</t>
    <phoneticPr fontId="11"/>
  </si>
  <si>
    <t>インターネット接続サービス</t>
    <rPh sb="7" eb="9">
      <t>セツゾク</t>
    </rPh>
    <phoneticPr fontId="11"/>
  </si>
  <si>
    <t>システム基本設計，システム開発等</t>
  </si>
  <si>
    <t>【任意】ソフトウェア開発技術者　又は　応用情報技術者
【任意】システムアナリスト，上級システムアドミニストレータ　又は　ＩＴストラテジスト
【任意】アプリケーションエンジニア　又は　システムアーキテクト
【任意】プロジェクトマネージャ
【任意】テクニカルエンジニア（ネットワーク）　又は　ネットワークスペシャリスト
【任意】テクニカルエンジニア（データベース）　又は　データベーススペシャリスト
【任意】テクニカルエンジニア（システム管理）　又は　ＩＴサービスマネージャ
【任意】テクニカルエンジニア（情報セキュリティ），情報セキュリティアドミニストレータ，情報セキュリティスペシャリスト　又は　情報処理安全確保支援士</t>
    <rPh sb="1" eb="3">
      <t>ニンイ</t>
    </rPh>
    <rPh sb="10" eb="12">
      <t>カイハツ</t>
    </rPh>
    <rPh sb="12" eb="15">
      <t>ギジュツシャ</t>
    </rPh>
    <rPh sb="16" eb="17">
      <t>マタ</t>
    </rPh>
    <rPh sb="19" eb="21">
      <t>オウヨウ</t>
    </rPh>
    <rPh sb="21" eb="23">
      <t>ジョウホウ</t>
    </rPh>
    <rPh sb="23" eb="25">
      <t>ギジュツ</t>
    </rPh>
    <rPh sb="25" eb="26">
      <t>シャ</t>
    </rPh>
    <rPh sb="28" eb="30">
      <t>ニンイ</t>
    </rPh>
    <rPh sb="41" eb="43">
      <t>ジョウキュウ</t>
    </rPh>
    <rPh sb="57" eb="58">
      <t>マタ</t>
    </rPh>
    <rPh sb="71" eb="73">
      <t>ニンイ</t>
    </rPh>
    <rPh sb="88" eb="89">
      <t>マタ</t>
    </rPh>
    <rPh sb="103" eb="105">
      <t>ニンイ</t>
    </rPh>
    <rPh sb="119" eb="121">
      <t>ニンイ</t>
    </rPh>
    <rPh sb="141" eb="142">
      <t>マタ</t>
    </rPh>
    <rPh sb="159" eb="161">
      <t>ニンイ</t>
    </rPh>
    <rPh sb="181" eb="182">
      <t>マタ</t>
    </rPh>
    <rPh sb="199" eb="201">
      <t>ニンイ</t>
    </rPh>
    <rPh sb="217" eb="219">
      <t>カンリ</t>
    </rPh>
    <rPh sb="221" eb="222">
      <t>マタ</t>
    </rPh>
    <rPh sb="237" eb="239">
      <t>ニンイ</t>
    </rPh>
    <rPh sb="251" eb="253">
      <t>ジョウホウ</t>
    </rPh>
    <rPh sb="261" eb="263">
      <t>ジョウホウ</t>
    </rPh>
    <rPh sb="279" eb="281">
      <t>ジョウホウ</t>
    </rPh>
    <rPh sb="295" eb="296">
      <t>マタ</t>
    </rPh>
    <rPh sb="298" eb="300">
      <t>ジョウホウ</t>
    </rPh>
    <rPh sb="300" eb="302">
      <t>ショリ</t>
    </rPh>
    <rPh sb="302" eb="304">
      <t>アンゼン</t>
    </rPh>
    <rPh sb="304" eb="306">
      <t>カクホ</t>
    </rPh>
    <rPh sb="306" eb="308">
      <t>シエン</t>
    </rPh>
    <rPh sb="308" eb="309">
      <t>シ</t>
    </rPh>
    <phoneticPr fontId="11"/>
  </si>
  <si>
    <t>システムの保守・管理</t>
    <phoneticPr fontId="18"/>
  </si>
  <si>
    <t>情報システムの運用保守，オペレーション，ヘルプデスク
交通管制システム保守，情報機器の保守点検</t>
    <rPh sb="0" eb="2">
      <t>ジョウホウ</t>
    </rPh>
    <rPh sb="27" eb="29">
      <t>コウツウ</t>
    </rPh>
    <rPh sb="29" eb="31">
      <t>カンセイ</t>
    </rPh>
    <rPh sb="35" eb="37">
      <t>ホシュ</t>
    </rPh>
    <rPh sb="38" eb="40">
      <t>ジョウホウ</t>
    </rPh>
    <rPh sb="40" eb="42">
      <t>キキ</t>
    </rPh>
    <rPh sb="43" eb="45">
      <t>ホシュ</t>
    </rPh>
    <rPh sb="45" eb="47">
      <t>テンケン</t>
    </rPh>
    <phoneticPr fontId="18"/>
  </si>
  <si>
    <t>【任意】ソフトウェア開発技術者　又は　応用情報技術者
【任意】システムアナリスト，上級システムアドミニストレータ　又は　ＩＴストラテジスト
【任意】アプリケーションエンジニア　又は　システムアーキテクト
【任意】プロジェクトマネージャ
【任意】テクニカルエンジニア（ネットワーク）　又は　ネットワークスペシャリスト
【任意】テクニカルエンジニア（データベース）　又は　データベーススペシャリスト
【任意】テクニカルエンジニア（システム管理）　又は　ＩＴサービスマネージャ
【任意】テクニカルエンジニア（情報セキュリティ），情報セキュリティアドミニストレータ，情報セキュリティスペシャリスト　又は　情報処理安全確保支援士</t>
    <rPh sb="1" eb="3">
      <t>ニンイ</t>
    </rPh>
    <rPh sb="10" eb="12">
      <t>カイハツ</t>
    </rPh>
    <rPh sb="12" eb="15">
      <t>ギジュツシャ</t>
    </rPh>
    <rPh sb="16" eb="17">
      <t>マタ</t>
    </rPh>
    <rPh sb="19" eb="21">
      <t>オウヨウ</t>
    </rPh>
    <rPh sb="21" eb="23">
      <t>ジョウホウ</t>
    </rPh>
    <rPh sb="23" eb="25">
      <t>ギジュツ</t>
    </rPh>
    <rPh sb="25" eb="26">
      <t>シャ</t>
    </rPh>
    <rPh sb="28" eb="30">
      <t>ニンイ</t>
    </rPh>
    <rPh sb="41" eb="43">
      <t>ジョウキュウ</t>
    </rPh>
    <rPh sb="57" eb="58">
      <t>マタ</t>
    </rPh>
    <rPh sb="71" eb="73">
      <t>ニンイ</t>
    </rPh>
    <rPh sb="88" eb="89">
      <t>マタ</t>
    </rPh>
    <rPh sb="103" eb="105">
      <t>ニンイ</t>
    </rPh>
    <rPh sb="119" eb="121">
      <t>ニンイ</t>
    </rPh>
    <rPh sb="141" eb="142">
      <t>マタ</t>
    </rPh>
    <rPh sb="159" eb="161">
      <t>ニンイ</t>
    </rPh>
    <rPh sb="181" eb="182">
      <t>マタ</t>
    </rPh>
    <rPh sb="199" eb="201">
      <t>ニンイ</t>
    </rPh>
    <rPh sb="217" eb="219">
      <t>カンリ</t>
    </rPh>
    <rPh sb="221" eb="222">
      <t>マタ</t>
    </rPh>
    <rPh sb="237" eb="239">
      <t>ニンイ</t>
    </rPh>
    <phoneticPr fontId="11"/>
  </si>
  <si>
    <t>ホームページ作成・管理</t>
    <rPh sb="9" eb="11">
      <t>カンリ</t>
    </rPh>
    <phoneticPr fontId="18"/>
  </si>
  <si>
    <t>ホームページの作成，管理</t>
  </si>
  <si>
    <t>【任意】ウェブデザイン技能士</t>
    <rPh sb="1" eb="3">
      <t>ニンイ</t>
    </rPh>
    <rPh sb="11" eb="14">
      <t>ギノウシ</t>
    </rPh>
    <phoneticPr fontId="11"/>
  </si>
  <si>
    <t>データ処理</t>
    <phoneticPr fontId="18"/>
  </si>
  <si>
    <t>データ入力，データ変換，文書・写真資料の電子データ化（スキャニング作業），データベース作成</t>
    <rPh sb="12" eb="14">
      <t>ブンショ</t>
    </rPh>
    <rPh sb="15" eb="17">
      <t>シャシン</t>
    </rPh>
    <rPh sb="17" eb="19">
      <t>シリョウ</t>
    </rPh>
    <rPh sb="43" eb="45">
      <t>サクセイ</t>
    </rPh>
    <phoneticPr fontId="18"/>
  </si>
  <si>
    <t>ＩＴコンサルティング</t>
    <phoneticPr fontId="18"/>
  </si>
  <si>
    <t>システムの調査・最適化・分析・診断，システム監査，セキュリティ監査等</t>
    <rPh sb="5" eb="7">
      <t>チョウサ</t>
    </rPh>
    <rPh sb="8" eb="11">
      <t>サイテキカ</t>
    </rPh>
    <rPh sb="12" eb="14">
      <t>ブンセキ</t>
    </rPh>
    <rPh sb="15" eb="17">
      <t>シンダン</t>
    </rPh>
    <rPh sb="22" eb="24">
      <t>カンサ</t>
    </rPh>
    <rPh sb="31" eb="33">
      <t>カンサ</t>
    </rPh>
    <rPh sb="33" eb="34">
      <t>トウ</t>
    </rPh>
    <phoneticPr fontId="18"/>
  </si>
  <si>
    <t>【任意】システム監査企業台帳登録
【任意】情報セキュリティ監査企業台帳登録
【任意】システム監査技術者
【任意】システムアナリスト，上級システムアドミニストレータ　又は　ＩＴストラテジスト</t>
    <rPh sb="1" eb="3">
      <t>ニンイ</t>
    </rPh>
    <rPh sb="8" eb="10">
      <t>カンサ</t>
    </rPh>
    <rPh sb="10" eb="12">
      <t>キギョウ</t>
    </rPh>
    <rPh sb="12" eb="14">
      <t>ダイチョウ</t>
    </rPh>
    <rPh sb="14" eb="16">
      <t>トウロク</t>
    </rPh>
    <rPh sb="18" eb="20">
      <t>ニンイ</t>
    </rPh>
    <rPh sb="21" eb="23">
      <t>ジョウホウ</t>
    </rPh>
    <rPh sb="29" eb="31">
      <t>カンサ</t>
    </rPh>
    <rPh sb="31" eb="33">
      <t>キギョウ</t>
    </rPh>
    <rPh sb="33" eb="35">
      <t>ダイチョウ</t>
    </rPh>
    <rPh sb="35" eb="37">
      <t>トウロク</t>
    </rPh>
    <rPh sb="39" eb="41">
      <t>ニンイ</t>
    </rPh>
    <rPh sb="46" eb="48">
      <t>カンサ</t>
    </rPh>
    <rPh sb="48" eb="51">
      <t>ギジュツシャ</t>
    </rPh>
    <rPh sb="53" eb="55">
      <t>ニンイ</t>
    </rPh>
    <phoneticPr fontId="11"/>
  </si>
  <si>
    <t>※情報関係研修は[16-E研修等]</t>
    <rPh sb="1" eb="3">
      <t>ジョウホウ</t>
    </rPh>
    <rPh sb="3" eb="5">
      <t>カンケイ</t>
    </rPh>
    <rPh sb="5" eb="7">
      <t>ケンシュウ</t>
    </rPh>
    <rPh sb="13" eb="15">
      <t>ケンシュウ</t>
    </rPh>
    <rPh sb="15" eb="16">
      <t>トウ</t>
    </rPh>
    <phoneticPr fontId="11"/>
  </si>
  <si>
    <t>広告・広報</t>
    <rPh sb="0" eb="2">
      <t>コウコク</t>
    </rPh>
    <rPh sb="3" eb="5">
      <t>コウホウ</t>
    </rPh>
    <phoneticPr fontId="11"/>
  </si>
  <si>
    <t>広告代理</t>
    <rPh sb="0" eb="2">
      <t>コウコク</t>
    </rPh>
    <rPh sb="2" eb="4">
      <t>ダイリ</t>
    </rPh>
    <phoneticPr fontId="11"/>
  </si>
  <si>
    <t>総合的な広告・広報の企画・制作</t>
  </si>
  <si>
    <t>企画･制作</t>
    <rPh sb="0" eb="2">
      <t>キカク</t>
    </rPh>
    <rPh sb="3" eb="5">
      <t>セイサク</t>
    </rPh>
    <phoneticPr fontId="11"/>
  </si>
  <si>
    <t>テレビ・ラジオ・新聞等</t>
    <rPh sb="8" eb="10">
      <t>シンブン</t>
    </rPh>
    <rPh sb="10" eb="11">
      <t>トウ</t>
    </rPh>
    <phoneticPr fontId="11"/>
  </si>
  <si>
    <t>テレビ・ラジオ番組の企画・制作・放送，新聞広告</t>
    <rPh sb="7" eb="9">
      <t>バングミ</t>
    </rPh>
    <rPh sb="10" eb="12">
      <t>キカク</t>
    </rPh>
    <rPh sb="13" eb="15">
      <t>セイサク</t>
    </rPh>
    <rPh sb="16" eb="18">
      <t>ホウソウ</t>
    </rPh>
    <rPh sb="19" eb="21">
      <t>シンブン</t>
    </rPh>
    <rPh sb="21" eb="23">
      <t>コウコク</t>
    </rPh>
    <phoneticPr fontId="11"/>
  </si>
  <si>
    <t>新聞折込</t>
    <rPh sb="0" eb="2">
      <t>シンブン</t>
    </rPh>
    <rPh sb="2" eb="4">
      <t>オリコミ</t>
    </rPh>
    <phoneticPr fontId="11"/>
  </si>
  <si>
    <t>新聞への折込広告</t>
    <rPh sb="0" eb="2">
      <t>シンブン</t>
    </rPh>
    <rPh sb="4" eb="6">
      <t>オリコミ</t>
    </rPh>
    <rPh sb="6" eb="8">
      <t>コウコク</t>
    </rPh>
    <phoneticPr fontId="11"/>
  </si>
  <si>
    <t>展示物</t>
  </si>
  <si>
    <t>展示品・レプリカ等の製作・修復</t>
  </si>
  <si>
    <t>映画・ビデオ</t>
  </si>
  <si>
    <t>映画・ビデオ・ＤＶＤ・ＣＤの製作，ダビング</t>
    <phoneticPr fontId="11"/>
  </si>
  <si>
    <t>イベント</t>
    <phoneticPr fontId="11"/>
  </si>
  <si>
    <t>企画・運営</t>
    <rPh sb="0" eb="2">
      <t>キカク</t>
    </rPh>
    <rPh sb="3" eb="5">
      <t>ウンエイ</t>
    </rPh>
    <phoneticPr fontId="11"/>
  </si>
  <si>
    <t>イベント，シンポジウム等の企画・運営・支援</t>
    <rPh sb="11" eb="12">
      <t>トウ</t>
    </rPh>
    <rPh sb="13" eb="15">
      <t>キカク</t>
    </rPh>
    <rPh sb="16" eb="18">
      <t>ウンエイ</t>
    </rPh>
    <rPh sb="19" eb="21">
      <t>シエン</t>
    </rPh>
    <phoneticPr fontId="11"/>
  </si>
  <si>
    <t>会場設営</t>
    <rPh sb="0" eb="2">
      <t>カイジョウ</t>
    </rPh>
    <rPh sb="2" eb="4">
      <t>セツエイ</t>
    </rPh>
    <phoneticPr fontId="11"/>
  </si>
  <si>
    <t>会場設営，展示作業</t>
    <phoneticPr fontId="11"/>
  </si>
  <si>
    <t>音響・照明機器等の操作</t>
    <rPh sb="0" eb="2">
      <t>オンキョウ</t>
    </rPh>
    <rPh sb="3" eb="5">
      <t>ショウメイ</t>
    </rPh>
    <rPh sb="5" eb="7">
      <t>キキ</t>
    </rPh>
    <rPh sb="7" eb="8">
      <t>トウ</t>
    </rPh>
    <rPh sb="9" eb="11">
      <t>ソウサ</t>
    </rPh>
    <phoneticPr fontId="11"/>
  </si>
  <si>
    <t>研修等</t>
    <rPh sb="0" eb="2">
      <t>ケンシュウ</t>
    </rPh>
    <rPh sb="2" eb="3">
      <t>トウ</t>
    </rPh>
    <phoneticPr fontId="11"/>
  </si>
  <si>
    <t>職員研修</t>
    <rPh sb="0" eb="2">
      <t>ショクイン</t>
    </rPh>
    <rPh sb="2" eb="4">
      <t>ケンシュウ</t>
    </rPh>
    <phoneticPr fontId="11"/>
  </si>
  <si>
    <t>県職員への各種研修</t>
    <rPh sb="0" eb="1">
      <t>ケン</t>
    </rPh>
    <rPh sb="1" eb="3">
      <t>ショクイン</t>
    </rPh>
    <rPh sb="5" eb="7">
      <t>カクシュ</t>
    </rPh>
    <rPh sb="7" eb="9">
      <t>ケンシュウ</t>
    </rPh>
    <phoneticPr fontId="11"/>
  </si>
  <si>
    <t>航空機訓練</t>
    <rPh sb="0" eb="3">
      <t>コウクウキ</t>
    </rPh>
    <rPh sb="3" eb="5">
      <t>クンレン</t>
    </rPh>
    <phoneticPr fontId="11"/>
  </si>
  <si>
    <t>航空機・ヘリコプターの操縦訓練，整備訓練等</t>
    <rPh sb="0" eb="3">
      <t>コウクウキ</t>
    </rPh>
    <rPh sb="11" eb="13">
      <t>ソウジュウ</t>
    </rPh>
    <rPh sb="13" eb="15">
      <t>クンレン</t>
    </rPh>
    <rPh sb="16" eb="18">
      <t>セイビ</t>
    </rPh>
    <rPh sb="18" eb="20">
      <t>クンレン</t>
    </rPh>
    <rPh sb="20" eb="21">
      <t>トウ</t>
    </rPh>
    <phoneticPr fontId="11"/>
  </si>
  <si>
    <t>職業訓練</t>
    <rPh sb="0" eb="2">
      <t>ショクギョウ</t>
    </rPh>
    <rPh sb="2" eb="4">
      <t>クンレン</t>
    </rPh>
    <phoneticPr fontId="11"/>
  </si>
  <si>
    <t>運転免許関係講習</t>
    <rPh sb="0" eb="2">
      <t>ウンテン</t>
    </rPh>
    <rPh sb="2" eb="4">
      <t>メンキョ</t>
    </rPh>
    <rPh sb="4" eb="6">
      <t>カンケイ</t>
    </rPh>
    <rPh sb="6" eb="8">
      <t>コウシュウ</t>
    </rPh>
    <phoneticPr fontId="11"/>
  </si>
  <si>
    <t>運転免許関係の各種講習</t>
    <rPh sb="0" eb="2">
      <t>ウンテン</t>
    </rPh>
    <rPh sb="2" eb="4">
      <t>メンキョ</t>
    </rPh>
    <rPh sb="4" eb="6">
      <t>カンケイ</t>
    </rPh>
    <rPh sb="7" eb="9">
      <t>カクシュ</t>
    </rPh>
    <rPh sb="9" eb="11">
      <t>コウシュウ</t>
    </rPh>
    <phoneticPr fontId="11"/>
  </si>
  <si>
    <t>印刷物等のデザイン企画・制作，イラスト作成</t>
    <rPh sb="19" eb="21">
      <t>サクセイ</t>
    </rPh>
    <phoneticPr fontId="11"/>
  </si>
  <si>
    <t>設計</t>
    <phoneticPr fontId="11"/>
  </si>
  <si>
    <t>設計図書の作成（建設関係以外）</t>
  </si>
  <si>
    <t>写真撮影・製図</t>
    <rPh sb="2" eb="4">
      <t>サツエイ</t>
    </rPh>
    <phoneticPr fontId="11"/>
  </si>
  <si>
    <t>写真撮影</t>
    <rPh sb="0" eb="2">
      <t>シャシン</t>
    </rPh>
    <rPh sb="2" eb="4">
      <t>サツエイ</t>
    </rPh>
    <phoneticPr fontId="11"/>
  </si>
  <si>
    <t>航空写真を除く写真撮影</t>
    <rPh sb="0" eb="2">
      <t>コウクウ</t>
    </rPh>
    <rPh sb="2" eb="4">
      <t>シャシン</t>
    </rPh>
    <rPh sb="5" eb="6">
      <t>ノゾ</t>
    </rPh>
    <rPh sb="7" eb="9">
      <t>シャシン</t>
    </rPh>
    <rPh sb="9" eb="11">
      <t>サツエイ</t>
    </rPh>
    <phoneticPr fontId="11"/>
  </si>
  <si>
    <t>航空写真</t>
    <rPh sb="0" eb="2">
      <t>コウクウ</t>
    </rPh>
    <rPh sb="2" eb="4">
      <t>シャシン</t>
    </rPh>
    <phoneticPr fontId="11"/>
  </si>
  <si>
    <t>航空写真撮影</t>
    <rPh sb="0" eb="2">
      <t>コウクウ</t>
    </rPh>
    <rPh sb="2" eb="4">
      <t>シャシン</t>
    </rPh>
    <rPh sb="4" eb="6">
      <t>サツエイ</t>
    </rPh>
    <phoneticPr fontId="11"/>
  </si>
  <si>
    <t>図面製作</t>
    <rPh sb="0" eb="2">
      <t>ズメン</t>
    </rPh>
    <rPh sb="2" eb="4">
      <t>セイサク</t>
    </rPh>
    <phoneticPr fontId="11"/>
  </si>
  <si>
    <t>図面製作，写図</t>
    <rPh sb="0" eb="2">
      <t>ズメン</t>
    </rPh>
    <rPh sb="2" eb="4">
      <t>セイサク</t>
    </rPh>
    <rPh sb="5" eb="6">
      <t>シャ</t>
    </rPh>
    <rPh sb="6" eb="7">
      <t>ズ</t>
    </rPh>
    <phoneticPr fontId="11"/>
  </si>
  <si>
    <t>地図製作</t>
    <rPh sb="0" eb="2">
      <t>チズ</t>
    </rPh>
    <rPh sb="2" eb="4">
      <t>セイサク</t>
    </rPh>
    <phoneticPr fontId="11"/>
  </si>
  <si>
    <t>I</t>
    <phoneticPr fontId="11"/>
  </si>
  <si>
    <t>旅行企画</t>
  </si>
  <si>
    <t>視察旅行・研修旅行の企画・手配，旅行への添乗</t>
  </si>
  <si>
    <t>【必須】旅行業登録　又は　旅行業者代理業登録</t>
    <rPh sb="1" eb="3">
      <t>ヒッス</t>
    </rPh>
    <rPh sb="4" eb="7">
      <t>リョコウギョウ</t>
    </rPh>
    <rPh sb="7" eb="9">
      <t>トウロク</t>
    </rPh>
    <rPh sb="10" eb="11">
      <t>マタ</t>
    </rPh>
    <rPh sb="13" eb="15">
      <t>リョコウ</t>
    </rPh>
    <rPh sb="15" eb="17">
      <t>ギョウシャ</t>
    </rPh>
    <rPh sb="17" eb="19">
      <t>ダイリ</t>
    </rPh>
    <rPh sb="19" eb="20">
      <t>ギョウ</t>
    </rPh>
    <rPh sb="20" eb="22">
      <t>トウロク</t>
    </rPh>
    <phoneticPr fontId="11"/>
  </si>
  <si>
    <t>雇用提案</t>
    <rPh sb="0" eb="2">
      <t>コヨウ</t>
    </rPh>
    <rPh sb="2" eb="4">
      <t>テイアン</t>
    </rPh>
    <phoneticPr fontId="11"/>
  </si>
  <si>
    <t>貨物運送</t>
    <rPh sb="0" eb="2">
      <t>カモツ</t>
    </rPh>
    <rPh sb="2" eb="4">
      <t>ウンソウ</t>
    </rPh>
    <phoneticPr fontId="11"/>
  </si>
  <si>
    <t>引越し</t>
    <rPh sb="0" eb="2">
      <t>ヒッコ</t>
    </rPh>
    <phoneticPr fontId="11"/>
  </si>
  <si>
    <t>引越，事務所移転</t>
    <rPh sb="0" eb="2">
      <t>ヒッコ</t>
    </rPh>
    <phoneticPr fontId="11"/>
  </si>
  <si>
    <t>【必須】一般貨物自動車運送事業許可，特定貨物自動車運送事業許可，貨物軽自動車運送事業届出　又は　貨物利用運送事業許可</t>
    <rPh sb="1" eb="3">
      <t>ヒッス</t>
    </rPh>
    <rPh sb="4" eb="6">
      <t>イッパン</t>
    </rPh>
    <rPh sb="6" eb="8">
      <t>カモツ</t>
    </rPh>
    <rPh sb="8" eb="11">
      <t>ジドウシャ</t>
    </rPh>
    <rPh sb="11" eb="13">
      <t>ウンソウ</t>
    </rPh>
    <rPh sb="13" eb="15">
      <t>ジギョウ</t>
    </rPh>
    <rPh sb="15" eb="17">
      <t>キョカ</t>
    </rPh>
    <rPh sb="18" eb="20">
      <t>トクテイ</t>
    </rPh>
    <rPh sb="20" eb="22">
      <t>カモツ</t>
    </rPh>
    <rPh sb="22" eb="25">
      <t>ジドウシャ</t>
    </rPh>
    <rPh sb="25" eb="27">
      <t>ウンソウ</t>
    </rPh>
    <rPh sb="27" eb="29">
      <t>ジギョウ</t>
    </rPh>
    <rPh sb="29" eb="31">
      <t>キョカ</t>
    </rPh>
    <rPh sb="32" eb="34">
      <t>カモツ</t>
    </rPh>
    <rPh sb="34" eb="38">
      <t>ケイジドウシャ</t>
    </rPh>
    <rPh sb="38" eb="40">
      <t>ウンソウ</t>
    </rPh>
    <rPh sb="40" eb="42">
      <t>ジギョウ</t>
    </rPh>
    <rPh sb="42" eb="44">
      <t>トドケデ</t>
    </rPh>
    <rPh sb="45" eb="46">
      <t>マタ</t>
    </rPh>
    <rPh sb="48" eb="50">
      <t>カモツ</t>
    </rPh>
    <rPh sb="50" eb="52">
      <t>リヨウ</t>
    </rPh>
    <rPh sb="52" eb="54">
      <t>ウンソウ</t>
    </rPh>
    <rPh sb="54" eb="56">
      <t>ジギョウ</t>
    </rPh>
    <rPh sb="56" eb="58">
      <t>キョカ</t>
    </rPh>
    <phoneticPr fontId="11"/>
  </si>
  <si>
    <t>運搬</t>
    <rPh sb="0" eb="2">
      <t>ウンパン</t>
    </rPh>
    <phoneticPr fontId="11"/>
  </si>
  <si>
    <t>美術品，楽器</t>
    <rPh sb="0" eb="2">
      <t>ビジュツ</t>
    </rPh>
    <rPh sb="2" eb="3">
      <t>ヒン</t>
    </rPh>
    <rPh sb="4" eb="6">
      <t>ガッキ</t>
    </rPh>
    <phoneticPr fontId="11"/>
  </si>
  <si>
    <t>美術品・ピアノの運搬</t>
    <rPh sb="0" eb="2">
      <t>ビジュツ</t>
    </rPh>
    <rPh sb="2" eb="3">
      <t>ヒン</t>
    </rPh>
    <rPh sb="8" eb="10">
      <t>ウンパン</t>
    </rPh>
    <phoneticPr fontId="11"/>
  </si>
  <si>
    <t>宅配便</t>
    <rPh sb="0" eb="3">
      <t>タクハイビン</t>
    </rPh>
    <phoneticPr fontId="11"/>
  </si>
  <si>
    <t>宅配便，メール便</t>
    <rPh sb="0" eb="3">
      <t>タクハイビン</t>
    </rPh>
    <rPh sb="7" eb="8">
      <t>ビン</t>
    </rPh>
    <phoneticPr fontId="11"/>
  </si>
  <si>
    <t>その他一般貨物</t>
    <rPh sb="2" eb="3">
      <t>タ</t>
    </rPh>
    <rPh sb="3" eb="5">
      <t>イッパン</t>
    </rPh>
    <rPh sb="5" eb="7">
      <t>カモツ</t>
    </rPh>
    <phoneticPr fontId="11"/>
  </si>
  <si>
    <t>旅客運送</t>
  </si>
  <si>
    <t>タクシー・貸切バス・スクールバス運行等自動車による旅客運送</t>
    <rPh sb="5" eb="7">
      <t>カシキリ</t>
    </rPh>
    <rPh sb="16" eb="18">
      <t>ウンコウ</t>
    </rPh>
    <rPh sb="18" eb="19">
      <t>トウ</t>
    </rPh>
    <rPh sb="19" eb="22">
      <t>ジドウシャ</t>
    </rPh>
    <rPh sb="25" eb="27">
      <t>リョカク</t>
    </rPh>
    <rPh sb="27" eb="29">
      <t>ウンソウ</t>
    </rPh>
    <phoneticPr fontId="11"/>
  </si>
  <si>
    <t>【必須】一般貸切旅客自動車運送事業許可，一般乗用旅客自動車運送事業許可　又は　特定旅客自動車運送事業許可</t>
    <rPh sb="1" eb="3">
      <t>ヒッス</t>
    </rPh>
    <rPh sb="4" eb="6">
      <t>イッパン</t>
    </rPh>
    <rPh sb="6" eb="8">
      <t>カシキリ</t>
    </rPh>
    <rPh sb="8" eb="10">
      <t>リョカク</t>
    </rPh>
    <rPh sb="10" eb="13">
      <t>ジドウシャ</t>
    </rPh>
    <rPh sb="13" eb="15">
      <t>ウンソウ</t>
    </rPh>
    <rPh sb="15" eb="17">
      <t>ジギョウ</t>
    </rPh>
    <rPh sb="17" eb="19">
      <t>キョカ</t>
    </rPh>
    <rPh sb="20" eb="22">
      <t>イッパン</t>
    </rPh>
    <rPh sb="22" eb="24">
      <t>ジョウヨウ</t>
    </rPh>
    <rPh sb="24" eb="26">
      <t>リョカク</t>
    </rPh>
    <rPh sb="26" eb="29">
      <t>ジドウシャ</t>
    </rPh>
    <rPh sb="29" eb="31">
      <t>ウンソウ</t>
    </rPh>
    <rPh sb="31" eb="33">
      <t>ジギョウ</t>
    </rPh>
    <rPh sb="33" eb="35">
      <t>キョカ</t>
    </rPh>
    <rPh sb="36" eb="37">
      <t>マタ</t>
    </rPh>
    <rPh sb="39" eb="41">
      <t>トクテイ</t>
    </rPh>
    <rPh sb="41" eb="43">
      <t>リョカク</t>
    </rPh>
    <rPh sb="43" eb="46">
      <t>ジドウシャ</t>
    </rPh>
    <rPh sb="46" eb="48">
      <t>ウンソウ</t>
    </rPh>
    <rPh sb="48" eb="50">
      <t>ジギョウ</t>
    </rPh>
    <rPh sb="50" eb="52">
      <t>キョカ</t>
    </rPh>
    <phoneticPr fontId="11"/>
  </si>
  <si>
    <t>郵便・信書便</t>
    <rPh sb="0" eb="2">
      <t>ユウビン</t>
    </rPh>
    <rPh sb="3" eb="5">
      <t>シンショ</t>
    </rPh>
    <rPh sb="5" eb="6">
      <t>ビン</t>
    </rPh>
    <phoneticPr fontId="11"/>
  </si>
  <si>
    <t>【必須】信書便事業者（郵便事業株式会社を除く。）</t>
    <rPh sb="1" eb="3">
      <t>ヒッス</t>
    </rPh>
    <rPh sb="4" eb="6">
      <t>シンショ</t>
    </rPh>
    <rPh sb="6" eb="7">
      <t>ビン</t>
    </rPh>
    <rPh sb="7" eb="10">
      <t>ジギョウシャ</t>
    </rPh>
    <rPh sb="11" eb="13">
      <t>ユウビン</t>
    </rPh>
    <rPh sb="13" eb="15">
      <t>ジギョウ</t>
    </rPh>
    <rPh sb="15" eb="19">
      <t>カブシキガイシャ</t>
    </rPh>
    <rPh sb="20" eb="21">
      <t>ノゾ</t>
    </rPh>
    <phoneticPr fontId="11"/>
  </si>
  <si>
    <t>運行管理</t>
    <rPh sb="0" eb="2">
      <t>ウンコウ</t>
    </rPh>
    <rPh sb="2" eb="4">
      <t>カンリ</t>
    </rPh>
    <phoneticPr fontId="11"/>
  </si>
  <si>
    <t>車両・船舶・航空機の運行管理</t>
    <rPh sb="0" eb="2">
      <t>シャリョウ</t>
    </rPh>
    <rPh sb="3" eb="5">
      <t>センパク</t>
    </rPh>
    <rPh sb="6" eb="9">
      <t>コウクウキ</t>
    </rPh>
    <rPh sb="10" eb="12">
      <t>ウンコウ</t>
    </rPh>
    <rPh sb="12" eb="14">
      <t>カンリ</t>
    </rPh>
    <phoneticPr fontId="11"/>
  </si>
  <si>
    <t>車両レッカー移動</t>
    <rPh sb="0" eb="2">
      <t>シャリョウ</t>
    </rPh>
    <rPh sb="6" eb="8">
      <t>イドウ</t>
    </rPh>
    <phoneticPr fontId="11"/>
  </si>
  <si>
    <t>自動車等車両のレッカー移動</t>
    <rPh sb="0" eb="3">
      <t>ジドウシャ</t>
    </rPh>
    <rPh sb="3" eb="4">
      <t>トウ</t>
    </rPh>
    <rPh sb="4" eb="6">
      <t>シャリョウ</t>
    </rPh>
    <rPh sb="11" eb="13">
      <t>イドウ</t>
    </rPh>
    <phoneticPr fontId="11"/>
  </si>
  <si>
    <t>【任意】一般貨物自動車運送事業許可
【任意】自家用自動車有償運送許可</t>
    <rPh sb="1" eb="3">
      <t>ニンイ</t>
    </rPh>
    <rPh sb="4" eb="6">
      <t>イッパン</t>
    </rPh>
    <rPh sb="6" eb="8">
      <t>カモツ</t>
    </rPh>
    <rPh sb="8" eb="11">
      <t>ジドウシャ</t>
    </rPh>
    <rPh sb="11" eb="13">
      <t>ウンソウ</t>
    </rPh>
    <rPh sb="13" eb="15">
      <t>ジギョウ</t>
    </rPh>
    <rPh sb="15" eb="17">
      <t>キョカ</t>
    </rPh>
    <rPh sb="19" eb="21">
      <t>ニンイ</t>
    </rPh>
    <rPh sb="22" eb="25">
      <t>ジカヨウ</t>
    </rPh>
    <rPh sb="25" eb="28">
      <t>ジドウシャ</t>
    </rPh>
    <rPh sb="28" eb="30">
      <t>ユウショウ</t>
    </rPh>
    <rPh sb="30" eb="32">
      <t>ウンソウ</t>
    </rPh>
    <rPh sb="32" eb="34">
      <t>キョカ</t>
    </rPh>
    <phoneticPr fontId="11"/>
  </si>
  <si>
    <t>梱包・発送代行</t>
    <rPh sb="3" eb="5">
      <t>ハッソウ</t>
    </rPh>
    <rPh sb="5" eb="7">
      <t>ダイコウ</t>
    </rPh>
    <phoneticPr fontId="11"/>
  </si>
  <si>
    <t>梱包，仕分，封入封緘，ダイレクトメール等発送代行</t>
    <rPh sb="0" eb="2">
      <t>コンポウ</t>
    </rPh>
    <rPh sb="3" eb="5">
      <t>シワ</t>
    </rPh>
    <rPh sb="6" eb="8">
      <t>フウニュウ</t>
    </rPh>
    <rPh sb="8" eb="10">
      <t>フウカン</t>
    </rPh>
    <rPh sb="19" eb="20">
      <t>トウ</t>
    </rPh>
    <rPh sb="20" eb="22">
      <t>ハッソウ</t>
    </rPh>
    <rPh sb="22" eb="24">
      <t>ダイコウ</t>
    </rPh>
    <phoneticPr fontId="18"/>
  </si>
  <si>
    <t>保管</t>
  </si>
  <si>
    <t>保管代行，貸倉庫，トランクルーム</t>
    <phoneticPr fontId="18"/>
  </si>
  <si>
    <t>【必須】倉庫業登録</t>
    <rPh sb="1" eb="3">
      <t>ヒッス</t>
    </rPh>
    <rPh sb="4" eb="6">
      <t>ソウコ</t>
    </rPh>
    <rPh sb="6" eb="7">
      <t>ギョウ</t>
    </rPh>
    <rPh sb="7" eb="9">
      <t>トウロク</t>
    </rPh>
    <phoneticPr fontId="11"/>
  </si>
  <si>
    <t>医薬品配送・保管，自動車以外の貨物・旅客運送</t>
    <rPh sb="0" eb="3">
      <t>イヤクヒン</t>
    </rPh>
    <rPh sb="3" eb="5">
      <t>ハイソウ</t>
    </rPh>
    <rPh sb="6" eb="8">
      <t>ホカン</t>
    </rPh>
    <rPh sb="9" eb="12">
      <t>ジドウシャ</t>
    </rPh>
    <rPh sb="12" eb="14">
      <t>イガイ</t>
    </rPh>
    <rPh sb="15" eb="17">
      <t>カモツ</t>
    </rPh>
    <rPh sb="18" eb="20">
      <t>リョカク</t>
    </rPh>
    <rPh sb="20" eb="22">
      <t>ウンソウ</t>
    </rPh>
    <phoneticPr fontId="18"/>
  </si>
  <si>
    <t>医療事務</t>
  </si>
  <si>
    <t>医療費の請求・点検，外来・入院受付，会計窓口などの事務</t>
  </si>
  <si>
    <t>医療</t>
    <rPh sb="0" eb="2">
      <t>イリョウ</t>
    </rPh>
    <phoneticPr fontId="11"/>
  </si>
  <si>
    <t>集団検診等</t>
    <rPh sb="4" eb="5">
      <t>トウ</t>
    </rPh>
    <phoneticPr fontId="11"/>
  </si>
  <si>
    <t>健康診断，検診，人間ドック等</t>
    <rPh sb="5" eb="7">
      <t>ケンシン</t>
    </rPh>
    <rPh sb="8" eb="10">
      <t>ニンゲン</t>
    </rPh>
    <rPh sb="13" eb="14">
      <t>トウ</t>
    </rPh>
    <phoneticPr fontId="18"/>
  </si>
  <si>
    <t>【必須】病院開設許可，診療所開設許可（届）　又は　衛生検査所登録
【任意】検診車保有台数</t>
    <rPh sb="1" eb="3">
      <t>ヒッス</t>
    </rPh>
    <rPh sb="4" eb="6">
      <t>ビョウイン</t>
    </rPh>
    <rPh sb="6" eb="8">
      <t>カイセツ</t>
    </rPh>
    <rPh sb="8" eb="10">
      <t>キョカ</t>
    </rPh>
    <rPh sb="11" eb="14">
      <t>シンリョウジョ</t>
    </rPh>
    <rPh sb="14" eb="16">
      <t>カイセツ</t>
    </rPh>
    <rPh sb="16" eb="18">
      <t>キョカ</t>
    </rPh>
    <rPh sb="19" eb="20">
      <t>トド</t>
    </rPh>
    <rPh sb="22" eb="23">
      <t>マタ</t>
    </rPh>
    <rPh sb="25" eb="27">
      <t>エイセイ</t>
    </rPh>
    <rPh sb="27" eb="29">
      <t>ケンサ</t>
    </rPh>
    <rPh sb="29" eb="30">
      <t>ショ</t>
    </rPh>
    <rPh sb="30" eb="32">
      <t>トウロク</t>
    </rPh>
    <rPh sb="34" eb="36">
      <t>ニンイ</t>
    </rPh>
    <rPh sb="37" eb="39">
      <t>ケンシン</t>
    </rPh>
    <rPh sb="39" eb="40">
      <t>クルマ</t>
    </rPh>
    <rPh sb="40" eb="42">
      <t>ホユウ</t>
    </rPh>
    <rPh sb="42" eb="44">
      <t>ダイスウ</t>
    </rPh>
    <phoneticPr fontId="11"/>
  </si>
  <si>
    <t>臨床検査</t>
  </si>
  <si>
    <t>血液検査，尿便検査，ギョウ虫検査，保菌検査，心電図・脳波検査</t>
  </si>
  <si>
    <t>【任意】医療関連サービスマーク（衛生検査所）</t>
    <rPh sb="1" eb="3">
      <t>ニンイ</t>
    </rPh>
    <rPh sb="4" eb="6">
      <t>イリョウ</t>
    </rPh>
    <rPh sb="6" eb="8">
      <t>カンレン</t>
    </rPh>
    <rPh sb="16" eb="18">
      <t>エイセイ</t>
    </rPh>
    <rPh sb="18" eb="20">
      <t>ケンサ</t>
    </rPh>
    <rPh sb="20" eb="21">
      <t>ショ</t>
    </rPh>
    <phoneticPr fontId="11"/>
  </si>
  <si>
    <t>医療機器の保守点検</t>
    <rPh sb="0" eb="2">
      <t>イリョウ</t>
    </rPh>
    <rPh sb="2" eb="4">
      <t>キキ</t>
    </rPh>
    <rPh sb="5" eb="7">
      <t>ホシュ</t>
    </rPh>
    <rPh sb="7" eb="9">
      <t>テンケン</t>
    </rPh>
    <phoneticPr fontId="11"/>
  </si>
  <si>
    <t>医療機器の保守点検，医療ガス設備保守点検</t>
    <rPh sb="0" eb="2">
      <t>イリョウ</t>
    </rPh>
    <rPh sb="2" eb="4">
      <t>キキ</t>
    </rPh>
    <rPh sb="5" eb="7">
      <t>ホシュ</t>
    </rPh>
    <rPh sb="7" eb="9">
      <t>テンケン</t>
    </rPh>
    <rPh sb="10" eb="12">
      <t>イリョウ</t>
    </rPh>
    <rPh sb="14" eb="16">
      <t>セツビ</t>
    </rPh>
    <rPh sb="16" eb="18">
      <t>ホシュ</t>
    </rPh>
    <rPh sb="18" eb="20">
      <t>テンケン</t>
    </rPh>
    <phoneticPr fontId="11"/>
  </si>
  <si>
    <t>【任意】医療関連サービスマーク（医療用ガス供給設備保守点検）
【任意】医療関連サービスマーク（医療機器保守点検）</t>
    <rPh sb="1" eb="3">
      <t>ニンイ</t>
    </rPh>
    <rPh sb="4" eb="6">
      <t>イリョウ</t>
    </rPh>
    <rPh sb="6" eb="8">
      <t>カンレン</t>
    </rPh>
    <rPh sb="16" eb="19">
      <t>イリョウヨウ</t>
    </rPh>
    <rPh sb="21" eb="23">
      <t>キョウキュウ</t>
    </rPh>
    <rPh sb="23" eb="25">
      <t>セツビ</t>
    </rPh>
    <rPh sb="25" eb="27">
      <t>ホシュ</t>
    </rPh>
    <rPh sb="27" eb="29">
      <t>テンケン</t>
    </rPh>
    <rPh sb="32" eb="34">
      <t>ニンイ</t>
    </rPh>
    <rPh sb="35" eb="37">
      <t>イリョウ</t>
    </rPh>
    <rPh sb="37" eb="39">
      <t>カンレン</t>
    </rPh>
    <rPh sb="47" eb="49">
      <t>イリョウ</t>
    </rPh>
    <rPh sb="49" eb="51">
      <t>キキ</t>
    </rPh>
    <rPh sb="51" eb="53">
      <t>ホシュ</t>
    </rPh>
    <rPh sb="53" eb="55">
      <t>テンケン</t>
    </rPh>
    <phoneticPr fontId="11"/>
  </si>
  <si>
    <t>医療材料等物品管理</t>
    <rPh sb="0" eb="2">
      <t>イリョウ</t>
    </rPh>
    <rPh sb="2" eb="5">
      <t>ザイリョウトウ</t>
    </rPh>
    <rPh sb="5" eb="7">
      <t>ブッピン</t>
    </rPh>
    <rPh sb="7" eb="9">
      <t>カンリ</t>
    </rPh>
    <phoneticPr fontId="11"/>
  </si>
  <si>
    <t>給食</t>
    <rPh sb="0" eb="2">
      <t>キュウショク</t>
    </rPh>
    <phoneticPr fontId="11"/>
  </si>
  <si>
    <t>学校給食（現地調理）</t>
    <rPh sb="0" eb="2">
      <t>ガッコウ</t>
    </rPh>
    <rPh sb="2" eb="4">
      <t>キュウショク</t>
    </rPh>
    <rPh sb="5" eb="7">
      <t>ゲンチ</t>
    </rPh>
    <rPh sb="7" eb="9">
      <t>チョウリ</t>
    </rPh>
    <phoneticPr fontId="11"/>
  </si>
  <si>
    <t>現地調理による学校給食</t>
    <rPh sb="0" eb="2">
      <t>ゲンチ</t>
    </rPh>
    <rPh sb="2" eb="4">
      <t>チョウリ</t>
    </rPh>
    <rPh sb="7" eb="9">
      <t>ガッコウ</t>
    </rPh>
    <rPh sb="9" eb="11">
      <t>キュウショク</t>
    </rPh>
    <phoneticPr fontId="11"/>
  </si>
  <si>
    <t>【任意】医療関連サービスマーク（患者等給食）
【任意】管理栄養士
【任意】栄養士
【任意】調理師
「02学校給食（デリバリー）」のみ
（【必須】食品営業許可（飲食店営業））</t>
    <rPh sb="1" eb="3">
      <t>ニンイ</t>
    </rPh>
    <rPh sb="4" eb="6">
      <t>イリョウ</t>
    </rPh>
    <rPh sb="6" eb="8">
      <t>カンレン</t>
    </rPh>
    <rPh sb="16" eb="19">
      <t>カンジャトウ</t>
    </rPh>
    <rPh sb="19" eb="21">
      <t>キュウショク</t>
    </rPh>
    <rPh sb="24" eb="26">
      <t>ニンイ</t>
    </rPh>
    <rPh sb="27" eb="29">
      <t>カンリ</t>
    </rPh>
    <rPh sb="29" eb="32">
      <t>エイヨウシ</t>
    </rPh>
    <rPh sb="34" eb="36">
      <t>ニンイ</t>
    </rPh>
    <rPh sb="37" eb="40">
      <t>エイヨウシ</t>
    </rPh>
    <rPh sb="42" eb="44">
      <t>ニンイ</t>
    </rPh>
    <rPh sb="45" eb="48">
      <t>チョウリシ</t>
    </rPh>
    <rPh sb="52" eb="54">
      <t>ガッコウ</t>
    </rPh>
    <rPh sb="54" eb="56">
      <t>キュウショク</t>
    </rPh>
    <rPh sb="69" eb="71">
      <t>ヒッス</t>
    </rPh>
    <rPh sb="72" eb="74">
      <t>ショクヒン</t>
    </rPh>
    <rPh sb="74" eb="76">
      <t>エイギョウ</t>
    </rPh>
    <rPh sb="76" eb="78">
      <t>キョカ</t>
    </rPh>
    <rPh sb="79" eb="81">
      <t>インショク</t>
    </rPh>
    <rPh sb="81" eb="82">
      <t>テン</t>
    </rPh>
    <rPh sb="82" eb="84">
      <t>エイギョウ</t>
    </rPh>
    <phoneticPr fontId="11"/>
  </si>
  <si>
    <t>学校給食（デリバリー）</t>
    <rPh sb="0" eb="2">
      <t>ガッコウ</t>
    </rPh>
    <rPh sb="2" eb="4">
      <t>キュウショク</t>
    </rPh>
    <phoneticPr fontId="11"/>
  </si>
  <si>
    <t>病院給食</t>
    <rPh sb="0" eb="2">
      <t>ビョウイン</t>
    </rPh>
    <rPh sb="2" eb="4">
      <t>キュウショク</t>
    </rPh>
    <phoneticPr fontId="11"/>
  </si>
  <si>
    <t>治療食給食，病院内の栄養管理・相談</t>
  </si>
  <si>
    <t>寮･宿舎賄い</t>
    <rPh sb="0" eb="1">
      <t>リョウ</t>
    </rPh>
    <rPh sb="2" eb="4">
      <t>シュクシャ</t>
    </rPh>
    <rPh sb="4" eb="5">
      <t>マカナ</t>
    </rPh>
    <phoneticPr fontId="11"/>
  </si>
  <si>
    <t>食器洗浄</t>
  </si>
  <si>
    <t xml:space="preserve">独身寮，寄宿舎等賄い業務，食堂等運営業務
</t>
    <rPh sb="0" eb="2">
      <t>ドクシン</t>
    </rPh>
    <rPh sb="2" eb="3">
      <t>リョウ</t>
    </rPh>
    <rPh sb="4" eb="7">
      <t>キシュクシャ</t>
    </rPh>
    <rPh sb="7" eb="8">
      <t>トウ</t>
    </rPh>
    <rPh sb="8" eb="9">
      <t>マカナ</t>
    </rPh>
    <rPh sb="10" eb="12">
      <t>ギョウム</t>
    </rPh>
    <rPh sb="13" eb="15">
      <t>ショクドウ</t>
    </rPh>
    <rPh sb="15" eb="16">
      <t>トウ</t>
    </rPh>
    <rPh sb="16" eb="18">
      <t>ウンエイ</t>
    </rPh>
    <rPh sb="18" eb="20">
      <t>ギョウム</t>
    </rPh>
    <phoneticPr fontId="18"/>
  </si>
  <si>
    <t>機器の保守点検</t>
    <rPh sb="0" eb="2">
      <t>キキ</t>
    </rPh>
    <rPh sb="3" eb="5">
      <t>ホシュ</t>
    </rPh>
    <rPh sb="5" eb="7">
      <t>テンケン</t>
    </rPh>
    <phoneticPr fontId="11"/>
  </si>
  <si>
    <t>事務機器の保守点検　※情報機器（PC等）は15-D</t>
    <rPh sb="0" eb="2">
      <t>ジム</t>
    </rPh>
    <rPh sb="2" eb="4">
      <t>キキ</t>
    </rPh>
    <rPh sb="5" eb="7">
      <t>ホシュ</t>
    </rPh>
    <rPh sb="7" eb="9">
      <t>テンケン</t>
    </rPh>
    <rPh sb="11" eb="13">
      <t>ジョウホウ</t>
    </rPh>
    <rPh sb="13" eb="15">
      <t>キキ</t>
    </rPh>
    <rPh sb="18" eb="19">
      <t>ナド</t>
    </rPh>
    <phoneticPr fontId="11"/>
  </si>
  <si>
    <t>計測機器</t>
    <rPh sb="0" eb="2">
      <t>ケイソク</t>
    </rPh>
    <rPh sb="2" eb="4">
      <t>キキ</t>
    </rPh>
    <phoneticPr fontId="11"/>
  </si>
  <si>
    <t>環境測定機器，測量機器，試験検査機器の保守点検</t>
    <rPh sb="0" eb="2">
      <t>カンキョウ</t>
    </rPh>
    <rPh sb="2" eb="4">
      <t>ソクテイ</t>
    </rPh>
    <rPh sb="4" eb="6">
      <t>キキ</t>
    </rPh>
    <rPh sb="7" eb="9">
      <t>ソクリョウ</t>
    </rPh>
    <rPh sb="9" eb="11">
      <t>キキ</t>
    </rPh>
    <rPh sb="12" eb="14">
      <t>シケン</t>
    </rPh>
    <rPh sb="14" eb="16">
      <t>ケンサ</t>
    </rPh>
    <rPh sb="16" eb="18">
      <t>キキ</t>
    </rPh>
    <rPh sb="19" eb="21">
      <t>ホシュ</t>
    </rPh>
    <rPh sb="21" eb="23">
      <t>テンケン</t>
    </rPh>
    <phoneticPr fontId="11"/>
  </si>
  <si>
    <t>機器等保守点検</t>
    <rPh sb="0" eb="3">
      <t>キキトウ</t>
    </rPh>
    <rPh sb="3" eb="5">
      <t>ホシュ</t>
    </rPh>
    <rPh sb="5" eb="7">
      <t>テンケン</t>
    </rPh>
    <phoneticPr fontId="11"/>
  </si>
  <si>
    <t>遊具保守点検</t>
    <rPh sb="0" eb="2">
      <t>ユウグ</t>
    </rPh>
    <rPh sb="2" eb="4">
      <t>ホシュ</t>
    </rPh>
    <rPh sb="4" eb="6">
      <t>テンケン</t>
    </rPh>
    <phoneticPr fontId="11"/>
  </si>
  <si>
    <t>遊具，体育器具，運動器具の保守点検</t>
    <rPh sb="0" eb="2">
      <t>ユウグ</t>
    </rPh>
    <rPh sb="3" eb="5">
      <t>タイイク</t>
    </rPh>
    <rPh sb="5" eb="7">
      <t>キグ</t>
    </rPh>
    <rPh sb="8" eb="10">
      <t>ウンドウ</t>
    </rPh>
    <rPh sb="10" eb="12">
      <t>キグ</t>
    </rPh>
    <rPh sb="13" eb="15">
      <t>ホシュ</t>
    </rPh>
    <rPh sb="15" eb="17">
      <t>テンケン</t>
    </rPh>
    <phoneticPr fontId="11"/>
  </si>
  <si>
    <t>楽器調律</t>
    <rPh sb="0" eb="2">
      <t>ガッキ</t>
    </rPh>
    <rPh sb="2" eb="4">
      <t>チョウリツ</t>
    </rPh>
    <phoneticPr fontId="11"/>
  </si>
  <si>
    <t>ピアノ調律</t>
    <rPh sb="3" eb="5">
      <t>チョウリツ</t>
    </rPh>
    <phoneticPr fontId="11"/>
  </si>
  <si>
    <t>交通安全施設等保守点検</t>
    <rPh sb="0" eb="2">
      <t>コウツウ</t>
    </rPh>
    <rPh sb="2" eb="4">
      <t>アンゼン</t>
    </rPh>
    <rPh sb="4" eb="6">
      <t>シセツ</t>
    </rPh>
    <rPh sb="6" eb="7">
      <t>トウ</t>
    </rPh>
    <rPh sb="7" eb="9">
      <t>ホシュ</t>
    </rPh>
    <rPh sb="9" eb="11">
      <t>テンケン</t>
    </rPh>
    <phoneticPr fontId="11"/>
  </si>
  <si>
    <t>道路標識・交通信号機の保守点検</t>
    <rPh sb="0" eb="2">
      <t>ドウロ</t>
    </rPh>
    <rPh sb="2" eb="4">
      <t>ヒョウシキ</t>
    </rPh>
    <rPh sb="5" eb="7">
      <t>コウツウ</t>
    </rPh>
    <rPh sb="7" eb="10">
      <t>シンゴウキ</t>
    </rPh>
    <rPh sb="11" eb="13">
      <t>ホシュ</t>
    </rPh>
    <rPh sb="13" eb="15">
      <t>テンケン</t>
    </rPh>
    <phoneticPr fontId="11"/>
  </si>
  <si>
    <t>航空機等保守点検</t>
    <rPh sb="0" eb="3">
      <t>コウクウキ</t>
    </rPh>
    <rPh sb="3" eb="4">
      <t>トウ</t>
    </rPh>
    <rPh sb="4" eb="6">
      <t>ホシュ</t>
    </rPh>
    <rPh sb="6" eb="8">
      <t>テンケン</t>
    </rPh>
    <phoneticPr fontId="11"/>
  </si>
  <si>
    <t>航空機，ヘリコプター，船舶の保守点検</t>
    <rPh sb="0" eb="3">
      <t>コウクウキ</t>
    </rPh>
    <rPh sb="11" eb="13">
      <t>センパク</t>
    </rPh>
    <rPh sb="14" eb="16">
      <t>ホシュ</t>
    </rPh>
    <rPh sb="16" eb="18">
      <t>テンケン</t>
    </rPh>
    <phoneticPr fontId="11"/>
  </si>
  <si>
    <t>翻訳・通訳</t>
  </si>
  <si>
    <t>翻訳，通訳，技術翻訳，ＷＥＢ翻訳，英語関連サービス</t>
  </si>
  <si>
    <t>速記</t>
  </si>
  <si>
    <t>筆耕</t>
  </si>
  <si>
    <t>賞状書き，宛名書き，席札書き</t>
  </si>
  <si>
    <t>会議録作成，議事録作成，テープおこし</t>
  </si>
  <si>
    <t>環境保護</t>
  </si>
  <si>
    <t>鳥獣保護，自然歩道・ビオトープ維持管理</t>
    <phoneticPr fontId="11"/>
  </si>
  <si>
    <t>森林整備</t>
  </si>
  <si>
    <t>森林整備工事，間伐，枝打ち</t>
    <rPh sb="0" eb="2">
      <t>シンリン</t>
    </rPh>
    <rPh sb="2" eb="4">
      <t>セイビ</t>
    </rPh>
    <rPh sb="4" eb="6">
      <t>コウジ</t>
    </rPh>
    <phoneticPr fontId="11"/>
  </si>
  <si>
    <t>動物飼育</t>
  </si>
  <si>
    <t>動物の飼育・繁殖・展示</t>
    <phoneticPr fontId="11"/>
  </si>
  <si>
    <t>人材派遣</t>
  </si>
  <si>
    <t>労働者派遣法に基づく人材派遣</t>
  </si>
  <si>
    <t>【必須】労働者派遣事業許可　又は　特定労働者派遣事業届出</t>
    <rPh sb="1" eb="3">
      <t>ヒッス</t>
    </rPh>
    <rPh sb="4" eb="7">
      <t>ロウドウシャ</t>
    </rPh>
    <rPh sb="7" eb="9">
      <t>ハケン</t>
    </rPh>
    <rPh sb="9" eb="11">
      <t>ジギョウ</t>
    </rPh>
    <rPh sb="11" eb="13">
      <t>キョカ</t>
    </rPh>
    <rPh sb="14" eb="15">
      <t>マタ</t>
    </rPh>
    <rPh sb="17" eb="19">
      <t>トクテイ</t>
    </rPh>
    <rPh sb="19" eb="22">
      <t>ロウドウシャ</t>
    </rPh>
    <rPh sb="22" eb="24">
      <t>ハケン</t>
    </rPh>
    <rPh sb="24" eb="26">
      <t>ジギョウ</t>
    </rPh>
    <rPh sb="26" eb="28">
      <t>トドケデ</t>
    </rPh>
    <phoneticPr fontId="11"/>
  </si>
  <si>
    <t>電力供給</t>
    <rPh sb="0" eb="2">
      <t>デンリョク</t>
    </rPh>
    <rPh sb="2" eb="4">
      <t>キョウキュウ</t>
    </rPh>
    <phoneticPr fontId="11"/>
  </si>
  <si>
    <t>電力の供給事業</t>
    <rPh sb="0" eb="2">
      <t>デンリョク</t>
    </rPh>
    <rPh sb="3" eb="5">
      <t>キョウキュウ</t>
    </rPh>
    <rPh sb="5" eb="7">
      <t>ジギョウ</t>
    </rPh>
    <phoneticPr fontId="11"/>
  </si>
  <si>
    <t>【必須】電気事業許可（届出）[電気事業法]</t>
    <rPh sb="1" eb="3">
      <t>ヒッス</t>
    </rPh>
    <rPh sb="4" eb="6">
      <t>デンキ</t>
    </rPh>
    <rPh sb="6" eb="8">
      <t>ジギョウ</t>
    </rPh>
    <rPh sb="8" eb="10">
      <t>キョカ</t>
    </rPh>
    <rPh sb="11" eb="13">
      <t>トドケデ</t>
    </rPh>
    <rPh sb="15" eb="17">
      <t>デンキ</t>
    </rPh>
    <rPh sb="17" eb="20">
      <t>ジギョウホウ</t>
    </rPh>
    <phoneticPr fontId="11"/>
  </si>
  <si>
    <t>損害保険</t>
  </si>
  <si>
    <t>保険会社</t>
    <rPh sb="0" eb="2">
      <t>ホケン</t>
    </rPh>
    <rPh sb="2" eb="4">
      <t>ガイシャ</t>
    </rPh>
    <phoneticPr fontId="11"/>
  </si>
  <si>
    <t>「01保険会社」のみ【必須】保険業免許
「02代理店」のみ【必須】損害保険代理店登録（契約）
「99その他」のみ【必須】保険業許可又は損害保険代理店登録（契約）</t>
    <rPh sb="3" eb="5">
      <t>ホケン</t>
    </rPh>
    <rPh sb="5" eb="7">
      <t>ガイシャ</t>
    </rPh>
    <rPh sb="11" eb="13">
      <t>ヒッス</t>
    </rPh>
    <rPh sb="14" eb="17">
      <t>ホケンギョウ</t>
    </rPh>
    <rPh sb="17" eb="19">
      <t>メンキョ</t>
    </rPh>
    <rPh sb="23" eb="26">
      <t>ダイリテン</t>
    </rPh>
    <rPh sb="30" eb="32">
      <t>ヒッス</t>
    </rPh>
    <rPh sb="33" eb="35">
      <t>ソンガイ</t>
    </rPh>
    <rPh sb="35" eb="37">
      <t>ホケン</t>
    </rPh>
    <rPh sb="37" eb="40">
      <t>ダイリテン</t>
    </rPh>
    <rPh sb="40" eb="42">
      <t>トウロク</t>
    </rPh>
    <rPh sb="43" eb="45">
      <t>ケイヤク</t>
    </rPh>
    <rPh sb="52" eb="53">
      <t>タ</t>
    </rPh>
    <rPh sb="57" eb="59">
      <t>ヒッス</t>
    </rPh>
    <rPh sb="60" eb="63">
      <t>ホケンギョウ</t>
    </rPh>
    <rPh sb="63" eb="65">
      <t>キョカ</t>
    </rPh>
    <rPh sb="65" eb="66">
      <t>マタ</t>
    </rPh>
    <rPh sb="67" eb="69">
      <t>ソンガイ</t>
    </rPh>
    <rPh sb="69" eb="71">
      <t>ホケン</t>
    </rPh>
    <rPh sb="71" eb="74">
      <t>ダイリテン</t>
    </rPh>
    <rPh sb="74" eb="76">
      <t>トウロク</t>
    </rPh>
    <rPh sb="77" eb="79">
      <t>ケイヤク</t>
    </rPh>
    <phoneticPr fontId="11"/>
  </si>
  <si>
    <t>代理店</t>
    <rPh sb="0" eb="3">
      <t>ダイリテン</t>
    </rPh>
    <phoneticPr fontId="11"/>
  </si>
  <si>
    <t>コンサルティングサービス</t>
    <phoneticPr fontId="11"/>
  </si>
  <si>
    <t>経営・財務，人材開発，ＩＳＯ認証，マーケティング，</t>
    <phoneticPr fontId="18"/>
  </si>
  <si>
    <t>機密文書溶解</t>
    <rPh sb="0" eb="2">
      <t>キミツ</t>
    </rPh>
    <rPh sb="2" eb="4">
      <t>ブンショ</t>
    </rPh>
    <rPh sb="4" eb="6">
      <t>ヨウカイ</t>
    </rPh>
    <phoneticPr fontId="11"/>
  </si>
  <si>
    <t>収集運搬</t>
    <rPh sb="0" eb="2">
      <t>シュウシュウ</t>
    </rPh>
    <rPh sb="2" eb="4">
      <t>ウンパン</t>
    </rPh>
    <phoneticPr fontId="11"/>
  </si>
  <si>
    <t>処理</t>
    <rPh sb="0" eb="2">
      <t>ショリ</t>
    </rPh>
    <phoneticPr fontId="11"/>
  </si>
  <si>
    <t>債権回収</t>
    <rPh sb="0" eb="2">
      <t>サイケン</t>
    </rPh>
    <rPh sb="2" eb="4">
      <t>カイシュウ</t>
    </rPh>
    <phoneticPr fontId="11"/>
  </si>
  <si>
    <t>債権回収業務</t>
    <rPh sb="0" eb="2">
      <t>サイケン</t>
    </rPh>
    <rPh sb="2" eb="4">
      <t>カイシュウ</t>
    </rPh>
    <rPh sb="4" eb="6">
      <t>ギョウム</t>
    </rPh>
    <phoneticPr fontId="11"/>
  </si>
  <si>
    <t>【必須】債権管理回収業許可</t>
    <rPh sb="1" eb="3">
      <t>ヒッス</t>
    </rPh>
    <rPh sb="4" eb="6">
      <t>サイケン</t>
    </rPh>
    <rPh sb="6" eb="8">
      <t>カンリ</t>
    </rPh>
    <rPh sb="8" eb="10">
      <t>カイシュウ</t>
    </rPh>
    <rPh sb="10" eb="11">
      <t>ギョウ</t>
    </rPh>
    <rPh sb="11" eb="13">
      <t>キョカ</t>
    </rPh>
    <phoneticPr fontId="11"/>
  </si>
  <si>
    <t>N</t>
  </si>
  <si>
    <t>放置車両確認事務</t>
    <rPh sb="0" eb="2">
      <t>ホウチ</t>
    </rPh>
    <rPh sb="2" eb="4">
      <t>シャリョウ</t>
    </rPh>
    <rPh sb="4" eb="6">
      <t>カクニン</t>
    </rPh>
    <rPh sb="6" eb="8">
      <t>ジム</t>
    </rPh>
    <phoneticPr fontId="11"/>
  </si>
  <si>
    <t>道路交通法に基づく放置車両の確認事務</t>
    <rPh sb="0" eb="2">
      <t>ドウロ</t>
    </rPh>
    <rPh sb="2" eb="5">
      <t>コウツウホウ</t>
    </rPh>
    <rPh sb="6" eb="7">
      <t>モト</t>
    </rPh>
    <rPh sb="9" eb="11">
      <t>ホウチ</t>
    </rPh>
    <rPh sb="11" eb="13">
      <t>シャリョウ</t>
    </rPh>
    <rPh sb="14" eb="16">
      <t>カクニン</t>
    </rPh>
    <rPh sb="16" eb="18">
      <t>ジム</t>
    </rPh>
    <phoneticPr fontId="11"/>
  </si>
  <si>
    <t>A</t>
    <phoneticPr fontId="11"/>
  </si>
  <si>
    <t>-</t>
    <phoneticPr fontId="11"/>
  </si>
  <si>
    <t>01　物品販売等</t>
    <phoneticPr fontId="11"/>
  </si>
  <si>
    <t xml:space="preserve"> </t>
    <phoneticPr fontId="11"/>
  </si>
  <si>
    <t>　1 物品関係</t>
    <rPh sb="3" eb="5">
      <t>ブッピン</t>
    </rPh>
    <rPh sb="5" eb="7">
      <t>カンケイ</t>
    </rPh>
    <phoneticPr fontId="11"/>
  </si>
  <si>
    <t>　２ 委託役務関係</t>
    <rPh sb="3" eb="5">
      <t>イタク</t>
    </rPh>
    <rPh sb="5" eb="7">
      <t>エキム</t>
    </rPh>
    <rPh sb="7" eb="9">
      <t>カンケイ</t>
    </rPh>
    <phoneticPr fontId="11"/>
  </si>
  <si>
    <t>01　物品販売等</t>
    <rPh sb="3" eb="5">
      <t>ブッピン</t>
    </rPh>
    <rPh sb="5" eb="7">
      <t>ハンバイ</t>
    </rPh>
    <rPh sb="7" eb="8">
      <t>トウ</t>
    </rPh>
    <phoneticPr fontId="11"/>
  </si>
  <si>
    <t>02　レンタル・リース</t>
    <phoneticPr fontId="11"/>
  </si>
  <si>
    <t>03　クリーニング</t>
    <phoneticPr fontId="11"/>
  </si>
  <si>
    <t>04　買受</t>
    <rPh sb="3" eb="5">
      <t>カイウケ</t>
    </rPh>
    <phoneticPr fontId="11"/>
  </si>
  <si>
    <t>11　施設管理</t>
    <rPh sb="3" eb="5">
      <t>シセツ</t>
    </rPh>
    <rPh sb="5" eb="7">
      <t>カンリ</t>
    </rPh>
    <phoneticPr fontId="11"/>
  </si>
  <si>
    <t>12　建築設備保守点検</t>
    <rPh sb="3" eb="5">
      <t>ケンチク</t>
    </rPh>
    <rPh sb="5" eb="7">
      <t>セツビ</t>
    </rPh>
    <rPh sb="7" eb="9">
      <t>ホシュ</t>
    </rPh>
    <rPh sb="9" eb="11">
      <t>テンケン</t>
    </rPh>
    <phoneticPr fontId="11"/>
  </si>
  <si>
    <t>13　警備・受付</t>
    <rPh sb="3" eb="5">
      <t>ケイビ</t>
    </rPh>
    <rPh sb="6" eb="8">
      <t>ウケツケ</t>
    </rPh>
    <phoneticPr fontId="11"/>
  </si>
  <si>
    <t>14　調査・測定</t>
    <rPh sb="3" eb="5">
      <t>チョウサ</t>
    </rPh>
    <rPh sb="6" eb="8">
      <t>ソクテイ</t>
    </rPh>
    <phoneticPr fontId="11"/>
  </si>
  <si>
    <t>15　情報・通信</t>
    <rPh sb="3" eb="5">
      <t>ジョウホウ</t>
    </rPh>
    <rPh sb="6" eb="8">
      <t>ツウシン</t>
    </rPh>
    <phoneticPr fontId="11"/>
  </si>
  <si>
    <t>16　企画・制作</t>
    <rPh sb="3" eb="5">
      <t>キカク</t>
    </rPh>
    <rPh sb="6" eb="8">
      <t>セイサク</t>
    </rPh>
    <phoneticPr fontId="11"/>
  </si>
  <si>
    <t>17　運搬</t>
    <rPh sb="3" eb="5">
      <t>ウンパン</t>
    </rPh>
    <phoneticPr fontId="11"/>
  </si>
  <si>
    <t>18　医療</t>
    <rPh sb="3" eb="5">
      <t>イリョウ</t>
    </rPh>
    <phoneticPr fontId="11"/>
  </si>
  <si>
    <t>19　給食</t>
    <rPh sb="3" eb="5">
      <t>キュウショク</t>
    </rPh>
    <phoneticPr fontId="11"/>
  </si>
  <si>
    <t>20　機器等保守点検</t>
    <rPh sb="3" eb="5">
      <t>キキ</t>
    </rPh>
    <rPh sb="5" eb="6">
      <t>トウ</t>
    </rPh>
    <rPh sb="6" eb="8">
      <t>ホシュ</t>
    </rPh>
    <rPh sb="8" eb="10">
      <t>テンケン</t>
    </rPh>
    <phoneticPr fontId="11"/>
  </si>
  <si>
    <t>21　その他</t>
    <rPh sb="5" eb="6">
      <t>タ</t>
    </rPh>
    <phoneticPr fontId="11"/>
  </si>
  <si>
    <t>　</t>
    <phoneticPr fontId="11"/>
  </si>
  <si>
    <t>B　家具・室内装飾</t>
  </si>
  <si>
    <t>C　印刷</t>
  </si>
  <si>
    <t>D　情報・電気通信機器</t>
  </si>
  <si>
    <t>E　写真光学機器</t>
  </si>
  <si>
    <t>F　医療・理化学機器</t>
  </si>
  <si>
    <t>G　その他機械器具</t>
  </si>
  <si>
    <t>Ｈ　車両・船舶</t>
  </si>
  <si>
    <t>Ｉ　医薬品・産業薬品</t>
  </si>
  <si>
    <t>Ｊ　燃料</t>
  </si>
  <si>
    <t>Ｋ　建材・資材</t>
  </si>
  <si>
    <t>Ｌ　書籍</t>
  </si>
  <si>
    <t>Ｍ　看板・標識</t>
  </si>
  <si>
    <t>Ｎ　警察消防用品</t>
  </si>
  <si>
    <t>Ｏ　動植物</t>
  </si>
  <si>
    <t>Ｐ　食料品</t>
  </si>
  <si>
    <t>Z　その他物品</t>
  </si>
  <si>
    <t>物品関係</t>
    <rPh sb="0" eb="4">
      <t>ブッピンカンケイ</t>
    </rPh>
    <phoneticPr fontId="11"/>
  </si>
  <si>
    <t>委託役務関係</t>
    <rPh sb="0" eb="6">
      <t>イタクエキムカンケイ</t>
    </rPh>
    <phoneticPr fontId="11"/>
  </si>
  <si>
    <t>A　レンタル・リース</t>
  </si>
  <si>
    <t>A　クリーニング</t>
  </si>
  <si>
    <t>A　買受</t>
  </si>
  <si>
    <t>A　施設清掃</t>
    <rPh sb="2" eb="4">
      <t>シセツ</t>
    </rPh>
    <rPh sb="4" eb="6">
      <t>セイソウ</t>
    </rPh>
    <phoneticPr fontId="11"/>
  </si>
  <si>
    <t>物品販売等</t>
    <rPh sb="0" eb="2">
      <t>ブッピン</t>
    </rPh>
    <rPh sb="2" eb="4">
      <t>ハンバイ</t>
    </rPh>
    <rPh sb="4" eb="5">
      <t>トウ</t>
    </rPh>
    <phoneticPr fontId="11"/>
  </si>
  <si>
    <t>建築設備保守点検</t>
    <rPh sb="0" eb="2">
      <t>ケンチク</t>
    </rPh>
    <rPh sb="2" eb="4">
      <t>セツビ</t>
    </rPh>
    <rPh sb="4" eb="6">
      <t>ホシュ</t>
    </rPh>
    <rPh sb="6" eb="8">
      <t>テンケン</t>
    </rPh>
    <phoneticPr fontId="11"/>
  </si>
  <si>
    <t>警備・受付</t>
    <rPh sb="0" eb="2">
      <t>ケイビ</t>
    </rPh>
    <rPh sb="3" eb="5">
      <t>ウケツケ</t>
    </rPh>
    <phoneticPr fontId="11"/>
  </si>
  <si>
    <t>調査・測定</t>
    <rPh sb="0" eb="2">
      <t>チョウサ</t>
    </rPh>
    <rPh sb="3" eb="5">
      <t>ソクテイ</t>
    </rPh>
    <phoneticPr fontId="11"/>
  </si>
  <si>
    <t>企画・制作</t>
    <rPh sb="0" eb="2">
      <t>キカク</t>
    </rPh>
    <rPh sb="3" eb="5">
      <t>セイサク</t>
    </rPh>
    <phoneticPr fontId="11"/>
  </si>
  <si>
    <t>機器等保守点検</t>
    <rPh sb="0" eb="2">
      <t>キキ</t>
    </rPh>
    <rPh sb="2" eb="3">
      <t>トウ</t>
    </rPh>
    <rPh sb="3" eb="5">
      <t>ホシュ</t>
    </rPh>
    <rPh sb="5" eb="7">
      <t>テンケン</t>
    </rPh>
    <phoneticPr fontId="11"/>
  </si>
  <si>
    <t>その他</t>
    <rPh sb="2" eb="3">
      <t>タ</t>
    </rPh>
    <phoneticPr fontId="11"/>
  </si>
  <si>
    <t>小分類</t>
  </si>
  <si>
    <t>品目</t>
    <rPh sb="0" eb="2">
      <t>ヒンモク</t>
    </rPh>
    <phoneticPr fontId="11"/>
  </si>
  <si>
    <t>A　用紙・文具事務機器</t>
    <phoneticPr fontId="11"/>
  </si>
  <si>
    <t>A用紙・文具事務機器</t>
  </si>
  <si>
    <t>B家具・室内装飾</t>
  </si>
  <si>
    <t>C印刷</t>
  </si>
  <si>
    <t>D情報・電気通信機器</t>
  </si>
  <si>
    <t>E写真光学機器</t>
  </si>
  <si>
    <t>F医療・理化学機器</t>
  </si>
  <si>
    <t>Gその他機械器具</t>
  </si>
  <si>
    <t>Ｈ車両・船舶</t>
  </si>
  <si>
    <t>Ｉ医薬品・産業薬品</t>
  </si>
  <si>
    <t>Ｊ燃料</t>
  </si>
  <si>
    <t>Ｋ建材・資材</t>
  </si>
  <si>
    <t>Ｌ書籍</t>
  </si>
  <si>
    <t>Ｍ看板・標識</t>
  </si>
  <si>
    <t>Ｎ警察消防用品</t>
  </si>
  <si>
    <t>Ｏ動植物</t>
  </si>
  <si>
    <t>Ｐ食料品</t>
  </si>
  <si>
    <t>Aレンタル・リース</t>
  </si>
  <si>
    <t>Aクリーニング</t>
  </si>
  <si>
    <t>A買受</t>
  </si>
  <si>
    <t>A施設清掃</t>
  </si>
  <si>
    <t>B空気環境の測定</t>
  </si>
  <si>
    <t>C飲料水の水質検査</t>
  </si>
  <si>
    <t>D建築物ねずみ害虫駆除</t>
  </si>
  <si>
    <t>Eプールの水質管理</t>
  </si>
  <si>
    <t>F植栽管理</t>
  </si>
  <si>
    <t>G建築物の定期点検</t>
  </si>
  <si>
    <t>H特殊施設管理</t>
  </si>
  <si>
    <t>Zその他</t>
  </si>
  <si>
    <t>A給水設備の点検・清掃</t>
  </si>
  <si>
    <t>B排水設備の点検・清掃</t>
  </si>
  <si>
    <t>C電気保安管理</t>
  </si>
  <si>
    <t>D電気設備の保守点検</t>
  </si>
  <si>
    <t>Eエレベーターの保守点検</t>
  </si>
  <si>
    <t>F自動ドアの保守点検</t>
  </si>
  <si>
    <t>G空調設備の保守点検</t>
  </si>
  <si>
    <t>H冷凍設備の保守点検</t>
  </si>
  <si>
    <t>Iダクトの清掃</t>
  </si>
  <si>
    <t>Jオイルタンクの点検・清掃</t>
  </si>
  <si>
    <t>Kボイラーの点検・清掃</t>
  </si>
  <si>
    <t>Lボイラーの運転</t>
  </si>
  <si>
    <t>Ｍポンプの保守点検</t>
  </si>
  <si>
    <t>Ｎ監視制御装置の保守点検</t>
  </si>
  <si>
    <t>Ｏ消防設備の保守点検</t>
  </si>
  <si>
    <t>Ｐ建築設備の定期点検</t>
  </si>
  <si>
    <t>Ｑクレーンの保守点検</t>
  </si>
  <si>
    <t>Ｒ放送通信設備の保守点検</t>
  </si>
  <si>
    <t>A施設警備</t>
  </si>
  <si>
    <t>B機械警備</t>
  </si>
  <si>
    <t>Ｃその他の警備</t>
  </si>
  <si>
    <t>D駐車場管理</t>
  </si>
  <si>
    <t>E受付</t>
  </si>
  <si>
    <t>F電話交換</t>
  </si>
  <si>
    <t>A調査・研究</t>
  </si>
  <si>
    <t>B環境測定</t>
  </si>
  <si>
    <t>C理化学検査</t>
  </si>
  <si>
    <t>D作業環境測定</t>
  </si>
  <si>
    <t>E水道水質検査</t>
  </si>
  <si>
    <t>A情報提供サービス</t>
  </si>
  <si>
    <t>B電気通信回線サービス</t>
  </si>
  <si>
    <t>Ｃシステムの設計・開発</t>
  </si>
  <si>
    <t>Dシステムの保守・管理</t>
  </si>
  <si>
    <t>Eホームページ作成・管理</t>
  </si>
  <si>
    <t>Fデータ処理</t>
  </si>
  <si>
    <t>GＩＴコンサルティング</t>
  </si>
  <si>
    <t>A広告・広報</t>
  </si>
  <si>
    <t>B展示物</t>
  </si>
  <si>
    <t>C映画・ビデオ</t>
  </si>
  <si>
    <t>Dイベント</t>
  </si>
  <si>
    <t>E研修等</t>
  </si>
  <si>
    <t>Fデザイン</t>
  </si>
  <si>
    <t>G設計</t>
  </si>
  <si>
    <t>H写真撮影・製図</t>
  </si>
  <si>
    <t>I旅行企画</t>
  </si>
  <si>
    <t>A貨物運送</t>
  </si>
  <si>
    <t>B旅客運送</t>
  </si>
  <si>
    <t>C郵便・信書便</t>
  </si>
  <si>
    <t>D運行管理</t>
  </si>
  <si>
    <t>E車両レッカー移動</t>
  </si>
  <si>
    <t>F梱包・発送代行</t>
  </si>
  <si>
    <t>G保管</t>
  </si>
  <si>
    <t>A医療事務</t>
  </si>
  <si>
    <t>B集団検診等</t>
  </si>
  <si>
    <t>C臨床検査</t>
  </si>
  <si>
    <t>D医療機器の保守点検</t>
  </si>
  <si>
    <t>E医療材料等物品管理</t>
  </si>
  <si>
    <t>A給食</t>
  </si>
  <si>
    <t>B食器洗浄</t>
  </si>
  <si>
    <t>A機器の保守点検</t>
  </si>
  <si>
    <t>B遊具保守点検</t>
  </si>
  <si>
    <t>C楽器調律</t>
  </si>
  <si>
    <t>D交通安全施設等保守点検</t>
  </si>
  <si>
    <t>E航空機等保守点検</t>
  </si>
  <si>
    <t>A翻訳・通訳</t>
  </si>
  <si>
    <t>B速記</t>
  </si>
  <si>
    <t>C筆耕</t>
  </si>
  <si>
    <t>Dテープ起こし</t>
  </si>
  <si>
    <t>E環境保護</t>
  </si>
  <si>
    <t>F森林整備</t>
  </si>
  <si>
    <t>G動物飼育</t>
  </si>
  <si>
    <t>H人材派遣</t>
  </si>
  <si>
    <t>I電力供給</t>
  </si>
  <si>
    <t>J損害保険</t>
  </si>
  <si>
    <t>Kコンサルティングサービス</t>
  </si>
  <si>
    <t>L機密文書溶解</t>
  </si>
  <si>
    <t>M債権回収</t>
  </si>
  <si>
    <t>N放置車両確認事務</t>
  </si>
  <si>
    <t>A施設清掃</t>
    <rPh sb="1" eb="3">
      <t>シセツ</t>
    </rPh>
    <rPh sb="3" eb="5">
      <t>セイソウ</t>
    </rPh>
    <phoneticPr fontId="11"/>
  </si>
  <si>
    <t>A用紙・文具事務機器</t>
    <phoneticPr fontId="11"/>
  </si>
  <si>
    <t>B家具・室内装飾</t>
    <phoneticPr fontId="11"/>
  </si>
  <si>
    <t>役務</t>
    <rPh sb="0" eb="2">
      <t>エキム</t>
    </rPh>
    <phoneticPr fontId="11"/>
  </si>
  <si>
    <t>物品</t>
    <rPh sb="0" eb="2">
      <t>ブッピン</t>
    </rPh>
    <phoneticPr fontId="11"/>
  </si>
  <si>
    <t>レンタル・リース</t>
    <phoneticPr fontId="11"/>
  </si>
  <si>
    <t>受注拡大に向けた要望等</t>
    <rPh sb="0" eb="2">
      <t>ジュチュウ</t>
    </rPh>
    <rPh sb="2" eb="4">
      <t>カクダイ</t>
    </rPh>
    <rPh sb="5" eb="6">
      <t>ム</t>
    </rPh>
    <rPh sb="8" eb="10">
      <t>ヨウボウ</t>
    </rPh>
    <rPh sb="10" eb="11">
      <t>トウ</t>
    </rPh>
    <phoneticPr fontId="11"/>
  </si>
  <si>
    <t>レンタル・リース</t>
  </si>
  <si>
    <t>クリーニング</t>
  </si>
  <si>
    <t>買受</t>
  </si>
  <si>
    <t>食料品</t>
  </si>
  <si>
    <t>デザイン</t>
  </si>
  <si>
    <t xml:space="preserve">
自らが製作する物品か</t>
    <rPh sb="3" eb="4">
      <t>ミズカ</t>
    </rPh>
    <rPh sb="6" eb="8">
      <t>セイサク</t>
    </rPh>
    <rPh sb="10" eb="12">
      <t>ブッピン</t>
    </rPh>
    <phoneticPr fontId="11"/>
  </si>
  <si>
    <t xml:space="preserve">
物品
役務</t>
    <rPh sb="2" eb="4">
      <t>ブッピン</t>
    </rPh>
    <rPh sb="5" eb="7">
      <t>エキム</t>
    </rPh>
    <phoneticPr fontId="11"/>
  </si>
  <si>
    <t xml:space="preserve">
中分類</t>
    <rPh sb="2" eb="5">
      <t>チュウブンルイ</t>
    </rPh>
    <phoneticPr fontId="11"/>
  </si>
  <si>
    <t xml:space="preserve">
小分類</t>
    <rPh sb="2" eb="5">
      <t>ショウブンルイ</t>
    </rPh>
    <phoneticPr fontId="11"/>
  </si>
  <si>
    <t xml:space="preserve">
広島県入札参加資格業者番号
</t>
    <rPh sb="2" eb="5">
      <t>ヒロシマケン</t>
    </rPh>
    <rPh sb="5" eb="7">
      <t>ニュウサツ</t>
    </rPh>
    <rPh sb="7" eb="9">
      <t>サンカ</t>
    </rPh>
    <rPh sb="9" eb="11">
      <t>シカク</t>
    </rPh>
    <rPh sb="11" eb="13">
      <t>ギョウシャ</t>
    </rPh>
    <rPh sb="13" eb="15">
      <t>バンゴウ</t>
    </rPh>
    <phoneticPr fontId="11"/>
  </si>
  <si>
    <t>用紙</t>
    <rPh sb="0" eb="2">
      <t>ヨウシ</t>
    </rPh>
    <phoneticPr fontId="11"/>
  </si>
  <si>
    <t>文具・事務機器</t>
    <rPh sb="0" eb="2">
      <t>ブング</t>
    </rPh>
    <rPh sb="3" eb="5">
      <t>ジム</t>
    </rPh>
    <rPh sb="5" eb="7">
      <t>キキ</t>
    </rPh>
    <phoneticPr fontId="11"/>
  </si>
  <si>
    <t>家具</t>
    <rPh sb="0" eb="2">
      <t>カグ</t>
    </rPh>
    <phoneticPr fontId="11"/>
  </si>
  <si>
    <t>室内装飾</t>
    <rPh sb="0" eb="2">
      <t>シツナイ</t>
    </rPh>
    <rPh sb="2" eb="4">
      <t>ソウショク</t>
    </rPh>
    <phoneticPr fontId="11"/>
  </si>
  <si>
    <t>情報通信機器</t>
    <rPh sb="0" eb="2">
      <t>ジョウホウ</t>
    </rPh>
    <rPh sb="2" eb="4">
      <t>ツウシン</t>
    </rPh>
    <rPh sb="4" eb="6">
      <t>キキ</t>
    </rPh>
    <phoneticPr fontId="11"/>
  </si>
  <si>
    <t>視聴覚機器</t>
    <rPh sb="0" eb="5">
      <t>シチョウカクキキ</t>
    </rPh>
    <phoneticPr fontId="11"/>
  </si>
  <si>
    <t>家庭用電化製品</t>
    <rPh sb="0" eb="3">
      <t>カテイヨウ</t>
    </rPh>
    <rPh sb="3" eb="7">
      <t>デンカセイヒン</t>
    </rPh>
    <phoneticPr fontId="11"/>
  </si>
  <si>
    <t>写真用品</t>
    <rPh sb="0" eb="4">
      <t>シャシンヨウヒン</t>
    </rPh>
    <phoneticPr fontId="11"/>
  </si>
  <si>
    <t>看護・介護機器</t>
    <rPh sb="0" eb="2">
      <t>カンゴ</t>
    </rPh>
    <rPh sb="3" eb="5">
      <t>カイゴ</t>
    </rPh>
    <rPh sb="5" eb="7">
      <t>キキ</t>
    </rPh>
    <phoneticPr fontId="11"/>
  </si>
  <si>
    <t>理化学機器</t>
    <rPh sb="0" eb="3">
      <t>リカガク</t>
    </rPh>
    <rPh sb="3" eb="5">
      <t>キキ</t>
    </rPh>
    <phoneticPr fontId="11"/>
  </si>
  <si>
    <t>光学機器</t>
    <rPh sb="0" eb="4">
      <t>コウガクキキ</t>
    </rPh>
    <phoneticPr fontId="11"/>
  </si>
  <si>
    <t>厨房用機器</t>
    <rPh sb="0" eb="2">
      <t>チュウボウ</t>
    </rPh>
    <rPh sb="2" eb="3">
      <t>ヨウ</t>
    </rPh>
    <rPh sb="3" eb="5">
      <t>キキ</t>
    </rPh>
    <phoneticPr fontId="11"/>
  </si>
  <si>
    <t>建設用機器</t>
    <rPh sb="0" eb="3">
      <t>ケンセツヨウ</t>
    </rPh>
    <rPh sb="3" eb="5">
      <t>キキ</t>
    </rPh>
    <phoneticPr fontId="11"/>
  </si>
  <si>
    <t>農林水産用機器</t>
    <rPh sb="0" eb="2">
      <t>ノウリン</t>
    </rPh>
    <rPh sb="2" eb="4">
      <t>スイサン</t>
    </rPh>
    <rPh sb="4" eb="5">
      <t>ヨウ</t>
    </rPh>
    <rPh sb="5" eb="7">
      <t>キキ</t>
    </rPh>
    <phoneticPr fontId="11"/>
  </si>
  <si>
    <t>工作機器</t>
    <rPh sb="0" eb="2">
      <t>コウサク</t>
    </rPh>
    <rPh sb="2" eb="4">
      <t>キキ</t>
    </rPh>
    <phoneticPr fontId="11"/>
  </si>
  <si>
    <t>環境・エネルギー機器</t>
    <rPh sb="0" eb="2">
      <t>カンキョウ</t>
    </rPh>
    <rPh sb="8" eb="10">
      <t>キキ</t>
    </rPh>
    <phoneticPr fontId="11"/>
  </si>
  <si>
    <t>車両（車両整備を除く。）</t>
    <rPh sb="3" eb="5">
      <t>シャリョウ</t>
    </rPh>
    <rPh sb="5" eb="7">
      <t>セイビ</t>
    </rPh>
    <rPh sb="8" eb="9">
      <t>ノゾ</t>
    </rPh>
    <phoneticPr fontId="11"/>
  </si>
  <si>
    <t>車両・船舶・航空機</t>
    <rPh sb="0" eb="2">
      <t>シャリョウ</t>
    </rPh>
    <rPh sb="3" eb="5">
      <t>センパク</t>
    </rPh>
    <rPh sb="6" eb="9">
      <t>コウクウキ</t>
    </rPh>
    <phoneticPr fontId="11"/>
  </si>
  <si>
    <t>船舶</t>
    <rPh sb="0" eb="2">
      <t>センパク</t>
    </rPh>
    <phoneticPr fontId="11"/>
  </si>
  <si>
    <t>医薬品</t>
    <rPh sb="0" eb="3">
      <t>イヤクヒン</t>
    </rPh>
    <phoneticPr fontId="11"/>
  </si>
  <si>
    <t>工業薬品</t>
    <rPh sb="0" eb="2">
      <t>コウギョウ</t>
    </rPh>
    <rPh sb="2" eb="4">
      <t>ヤクヒン</t>
    </rPh>
    <phoneticPr fontId="11"/>
  </si>
  <si>
    <t>石油</t>
    <rPh sb="0" eb="2">
      <t>セキユ</t>
    </rPh>
    <phoneticPr fontId="11"/>
  </si>
  <si>
    <t>諸油</t>
    <rPh sb="0" eb="1">
      <t>ショ</t>
    </rPh>
    <rPh sb="1" eb="2">
      <t>ユ</t>
    </rPh>
    <phoneticPr fontId="11"/>
  </si>
  <si>
    <t>炭</t>
    <rPh sb="0" eb="1">
      <t>スミ</t>
    </rPh>
    <phoneticPr fontId="11"/>
  </si>
  <si>
    <t>金属材</t>
    <rPh sb="0" eb="2">
      <t>キンゾク</t>
    </rPh>
    <rPh sb="2" eb="3">
      <t>ザイ</t>
    </rPh>
    <phoneticPr fontId="11"/>
  </si>
  <si>
    <t>土石材</t>
    <rPh sb="0" eb="2">
      <t>ドセキ</t>
    </rPh>
    <rPh sb="2" eb="3">
      <t>ザイ</t>
    </rPh>
    <phoneticPr fontId="11"/>
  </si>
  <si>
    <t>仮設用品</t>
    <rPh sb="0" eb="4">
      <t>カセツヨウヒン</t>
    </rPh>
    <phoneticPr fontId="11"/>
  </si>
  <si>
    <t>その他資材</t>
    <rPh sb="2" eb="3">
      <t>タ</t>
    </rPh>
    <rPh sb="3" eb="5">
      <t>シザイ</t>
    </rPh>
    <phoneticPr fontId="11"/>
  </si>
  <si>
    <t>道路標識</t>
    <rPh sb="0" eb="4">
      <t>ドウロヒョウシキ</t>
    </rPh>
    <phoneticPr fontId="11"/>
  </si>
  <si>
    <t>広告用品</t>
    <rPh sb="0" eb="2">
      <t>コウコク</t>
    </rPh>
    <rPh sb="2" eb="4">
      <t>ヨウヒン</t>
    </rPh>
    <phoneticPr fontId="11"/>
  </si>
  <si>
    <t>警察用品</t>
    <rPh sb="0" eb="2">
      <t>ケイサツ</t>
    </rPh>
    <rPh sb="2" eb="4">
      <t>ヨウヒン</t>
    </rPh>
    <phoneticPr fontId="11"/>
  </si>
  <si>
    <t>消防用品</t>
    <rPh sb="0" eb="4">
      <t>ショウボウヨウヒン</t>
    </rPh>
    <phoneticPr fontId="11"/>
  </si>
  <si>
    <t>動植物（飼料除く。）</t>
    <rPh sb="0" eb="3">
      <t>ドウショクブツ</t>
    </rPh>
    <rPh sb="4" eb="6">
      <t>シリョウ</t>
    </rPh>
    <rPh sb="6" eb="7">
      <t>ノゾ</t>
    </rPh>
    <phoneticPr fontId="11"/>
  </si>
  <si>
    <t>教育用品</t>
    <rPh sb="0" eb="2">
      <t>キョウイク</t>
    </rPh>
    <rPh sb="2" eb="4">
      <t>ヨウヒン</t>
    </rPh>
    <phoneticPr fontId="11"/>
  </si>
  <si>
    <t>スポーツ用品</t>
    <rPh sb="4" eb="6">
      <t>ヨウヒン</t>
    </rPh>
    <phoneticPr fontId="11"/>
  </si>
  <si>
    <t>音楽用品</t>
    <rPh sb="0" eb="2">
      <t>オンガク</t>
    </rPh>
    <rPh sb="2" eb="4">
      <t>ヨウヒン</t>
    </rPh>
    <phoneticPr fontId="11"/>
  </si>
  <si>
    <t>衣類</t>
    <rPh sb="0" eb="2">
      <t>イルイ</t>
    </rPh>
    <phoneticPr fontId="11"/>
  </si>
  <si>
    <t>衣類・生活用品</t>
    <rPh sb="0" eb="2">
      <t>イルイ</t>
    </rPh>
    <rPh sb="3" eb="5">
      <t>セイカツ</t>
    </rPh>
    <rPh sb="5" eb="7">
      <t>ヨウヒン</t>
    </rPh>
    <phoneticPr fontId="11"/>
  </si>
  <si>
    <t>靴・かばん</t>
    <rPh sb="0" eb="1">
      <t>クツ</t>
    </rPh>
    <phoneticPr fontId="11"/>
  </si>
  <si>
    <t>生活用品</t>
    <rPh sb="0" eb="2">
      <t>セイカツ</t>
    </rPh>
    <rPh sb="2" eb="4">
      <t>ヨウヒン</t>
    </rPh>
    <phoneticPr fontId="11"/>
  </si>
  <si>
    <t>情報通信・電気機器</t>
    <rPh sb="0" eb="2">
      <t>ジョウホウ</t>
    </rPh>
    <rPh sb="2" eb="4">
      <t>ツウシン</t>
    </rPh>
    <rPh sb="5" eb="9">
      <t>デンキキキ</t>
    </rPh>
    <phoneticPr fontId="11"/>
  </si>
  <si>
    <t>医療・理化学機器</t>
    <rPh sb="0" eb="2">
      <t>イリョウ</t>
    </rPh>
    <rPh sb="3" eb="8">
      <t>リカガクキキ</t>
    </rPh>
    <phoneticPr fontId="11"/>
  </si>
  <si>
    <t>仮設用品</t>
    <rPh sb="0" eb="2">
      <t>カセツ</t>
    </rPh>
    <rPh sb="2" eb="4">
      <t>ヨウヒン</t>
    </rPh>
    <phoneticPr fontId="11"/>
  </si>
  <si>
    <t>古紙</t>
    <rPh sb="0" eb="2">
      <t>コシ</t>
    </rPh>
    <phoneticPr fontId="11"/>
  </si>
  <si>
    <t>機械・車両</t>
    <rPh sb="0" eb="2">
      <t>キカイ</t>
    </rPh>
    <rPh sb="3" eb="5">
      <t>シャリョウ</t>
    </rPh>
    <phoneticPr fontId="11"/>
  </si>
  <si>
    <t>運送・旅行</t>
    <rPh sb="0" eb="2">
      <t>ウンソウ</t>
    </rPh>
    <rPh sb="3" eb="5">
      <t>リョコウ</t>
    </rPh>
    <phoneticPr fontId="11"/>
  </si>
  <si>
    <t>その他</t>
    <rPh sb="2" eb="3">
      <t>タ</t>
    </rPh>
    <phoneticPr fontId="2"/>
  </si>
  <si>
    <t>施設清掃</t>
    <rPh sb="0" eb="2">
      <t>シセツ</t>
    </rPh>
    <rPh sb="2" eb="4">
      <t>セイソウ</t>
    </rPh>
    <phoneticPr fontId="2"/>
  </si>
  <si>
    <t>プールの水質管理</t>
    <rPh sb="4" eb="6">
      <t>スイシツ</t>
    </rPh>
    <rPh sb="6" eb="8">
      <t>カンリ</t>
    </rPh>
    <phoneticPr fontId="2"/>
  </si>
  <si>
    <t>特殊施設管理</t>
    <rPh sb="0" eb="2">
      <t>トクシュ</t>
    </rPh>
    <rPh sb="2" eb="4">
      <t>シセツ</t>
    </rPh>
    <rPh sb="4" eb="6">
      <t>カンリ</t>
    </rPh>
    <phoneticPr fontId="2"/>
  </si>
  <si>
    <t>電気保安管理</t>
    <rPh sb="0" eb="2">
      <t>デンキ</t>
    </rPh>
    <rPh sb="2" eb="4">
      <t>ホアン</t>
    </rPh>
    <rPh sb="4" eb="6">
      <t>カンリ</t>
    </rPh>
    <phoneticPr fontId="2"/>
  </si>
  <si>
    <t>エスカレーター等（エレベーターを除く。）の保守点検</t>
    <rPh sb="7" eb="8">
      <t>トウ</t>
    </rPh>
    <rPh sb="16" eb="17">
      <t>ノゾ</t>
    </rPh>
    <rPh sb="21" eb="25">
      <t>ホシュテンケン</t>
    </rPh>
    <phoneticPr fontId="2"/>
  </si>
  <si>
    <t>建築設備の定期点検</t>
    <rPh sb="0" eb="2">
      <t>ケンチク</t>
    </rPh>
    <rPh sb="2" eb="4">
      <t>セツビ</t>
    </rPh>
    <rPh sb="5" eb="7">
      <t>テイキ</t>
    </rPh>
    <rPh sb="7" eb="9">
      <t>テンケン</t>
    </rPh>
    <phoneticPr fontId="2"/>
  </si>
  <si>
    <t>警備（機械警備を除く。）</t>
    <rPh sb="0" eb="2">
      <t>ケイビ</t>
    </rPh>
    <rPh sb="3" eb="5">
      <t>キカイ</t>
    </rPh>
    <rPh sb="5" eb="7">
      <t>ケイビ</t>
    </rPh>
    <rPh sb="8" eb="9">
      <t>ノゾ</t>
    </rPh>
    <phoneticPr fontId="2"/>
  </si>
  <si>
    <t>情報提供サービス</t>
    <rPh sb="0" eb="2">
      <t>ジョウホウ</t>
    </rPh>
    <rPh sb="2" eb="4">
      <t>テイキョウ</t>
    </rPh>
    <phoneticPr fontId="2"/>
  </si>
  <si>
    <t>広告・広報</t>
    <rPh sb="0" eb="2">
      <t>コウコク</t>
    </rPh>
    <rPh sb="3" eb="5">
      <t>コウホウ</t>
    </rPh>
    <phoneticPr fontId="2"/>
  </si>
  <si>
    <t>貨物運送</t>
    <rPh sb="0" eb="2">
      <t>カモツ</t>
    </rPh>
    <rPh sb="2" eb="4">
      <t>ウンソウ</t>
    </rPh>
    <phoneticPr fontId="2"/>
  </si>
  <si>
    <t>郵便・信書便</t>
    <rPh sb="0" eb="2">
      <t>ユウビン</t>
    </rPh>
    <rPh sb="3" eb="5">
      <t>シンショ</t>
    </rPh>
    <rPh sb="5" eb="6">
      <t>ビン</t>
    </rPh>
    <phoneticPr fontId="2"/>
  </si>
  <si>
    <t>車両レッカー移動</t>
    <rPh sb="0" eb="2">
      <t>シャリョウ</t>
    </rPh>
    <rPh sb="6" eb="8">
      <t>イドウ</t>
    </rPh>
    <phoneticPr fontId="2"/>
  </si>
  <si>
    <t>旅行代理及び旅行業</t>
    <rPh sb="0" eb="2">
      <t>リョコウ</t>
    </rPh>
    <rPh sb="2" eb="4">
      <t>ダイリ</t>
    </rPh>
    <rPh sb="4" eb="5">
      <t>オヨ</t>
    </rPh>
    <rPh sb="6" eb="9">
      <t>リョコウギョウ</t>
    </rPh>
    <phoneticPr fontId="2"/>
  </si>
  <si>
    <t>給食（デリバリーを除く。）</t>
    <rPh sb="0" eb="2">
      <t>キュウショク</t>
    </rPh>
    <rPh sb="9" eb="10">
      <t>ノゾ</t>
    </rPh>
    <phoneticPr fontId="2"/>
  </si>
  <si>
    <t>デリバリー給食</t>
    <rPh sb="5" eb="7">
      <t>キュウショク</t>
    </rPh>
    <phoneticPr fontId="2"/>
  </si>
  <si>
    <t>機器の保守点検</t>
    <rPh sb="0" eb="2">
      <t>キキ</t>
    </rPh>
    <rPh sb="3" eb="5">
      <t>ホシュ</t>
    </rPh>
    <rPh sb="5" eb="7">
      <t>テンケン</t>
    </rPh>
    <phoneticPr fontId="2"/>
  </si>
  <si>
    <t>楽器調律</t>
    <rPh sb="0" eb="2">
      <t>ガッキ</t>
    </rPh>
    <rPh sb="2" eb="4">
      <t>チョウリツ</t>
    </rPh>
    <phoneticPr fontId="2"/>
  </si>
  <si>
    <t>電力供給</t>
    <rPh sb="0" eb="2">
      <t>デンリョク</t>
    </rPh>
    <rPh sb="2" eb="4">
      <t>キョウキュウ</t>
    </rPh>
    <phoneticPr fontId="2"/>
  </si>
  <si>
    <t>計画策定・計画策定支援</t>
    <rPh sb="0" eb="2">
      <t>ケイカク</t>
    </rPh>
    <rPh sb="2" eb="4">
      <t>サクテイ</t>
    </rPh>
    <rPh sb="5" eb="7">
      <t>ケイカク</t>
    </rPh>
    <rPh sb="7" eb="9">
      <t>サクテイ</t>
    </rPh>
    <rPh sb="9" eb="11">
      <t>シエン</t>
    </rPh>
    <phoneticPr fontId="2"/>
  </si>
  <si>
    <t>研修等</t>
    <rPh sb="0" eb="2">
      <t>ケンシュウ</t>
    </rPh>
    <rPh sb="2" eb="3">
      <t>トウ</t>
    </rPh>
    <phoneticPr fontId="2"/>
  </si>
  <si>
    <t>機密文書溶解</t>
    <rPh sb="0" eb="2">
      <t>キミツ</t>
    </rPh>
    <rPh sb="2" eb="4">
      <t>ブンショ</t>
    </rPh>
    <rPh sb="4" eb="6">
      <t>ヨウカイ</t>
    </rPh>
    <phoneticPr fontId="2"/>
  </si>
  <si>
    <t>債権回収</t>
    <rPh sb="0" eb="2">
      <t>サイケン</t>
    </rPh>
    <rPh sb="2" eb="4">
      <t>カイシュウ</t>
    </rPh>
    <phoneticPr fontId="2"/>
  </si>
  <si>
    <t>放置車両確認事務</t>
    <rPh sb="0" eb="2">
      <t>ホウチ</t>
    </rPh>
    <rPh sb="2" eb="4">
      <t>シャリョウ</t>
    </rPh>
    <rPh sb="4" eb="6">
      <t>カクニン</t>
    </rPh>
    <rPh sb="6" eb="8">
      <t>ジム</t>
    </rPh>
    <phoneticPr fontId="2"/>
  </si>
  <si>
    <t>ホームページＵＲＬ</t>
    <phoneticPr fontId="11"/>
  </si>
  <si>
    <t>サービス種類</t>
    <rPh sb="4" eb="6">
      <t>シュルイ</t>
    </rPh>
    <phoneticPr fontId="11"/>
  </si>
  <si>
    <t>就労移行支援事業所</t>
    <rPh sb="0" eb="2">
      <t>シュウロウ</t>
    </rPh>
    <rPh sb="2" eb="4">
      <t>イコウ</t>
    </rPh>
    <rPh sb="4" eb="6">
      <t>シエン</t>
    </rPh>
    <rPh sb="6" eb="8">
      <t>ジギョウ</t>
    </rPh>
    <rPh sb="8" eb="9">
      <t>ショ</t>
    </rPh>
    <phoneticPr fontId="11"/>
  </si>
  <si>
    <t>就労継続支援A型事業所</t>
    <rPh sb="0" eb="2">
      <t>シュウロウ</t>
    </rPh>
    <rPh sb="2" eb="4">
      <t>ケイゾク</t>
    </rPh>
    <rPh sb="4" eb="6">
      <t>シエン</t>
    </rPh>
    <rPh sb="7" eb="8">
      <t>ガタ</t>
    </rPh>
    <rPh sb="8" eb="10">
      <t>ジギョウ</t>
    </rPh>
    <rPh sb="10" eb="11">
      <t>ショ</t>
    </rPh>
    <phoneticPr fontId="11"/>
  </si>
  <si>
    <t>就労継続支援B型事業所</t>
    <rPh sb="0" eb="2">
      <t>シュウロウ</t>
    </rPh>
    <rPh sb="2" eb="4">
      <t>ケイゾク</t>
    </rPh>
    <rPh sb="4" eb="6">
      <t>シエン</t>
    </rPh>
    <rPh sb="7" eb="8">
      <t>ガタ</t>
    </rPh>
    <rPh sb="8" eb="10">
      <t>ジギョウ</t>
    </rPh>
    <rPh sb="10" eb="11">
      <t>ショ</t>
    </rPh>
    <phoneticPr fontId="11"/>
  </si>
  <si>
    <t>生活介護事業所</t>
    <rPh sb="0" eb="2">
      <t>セイカツ</t>
    </rPh>
    <rPh sb="2" eb="4">
      <t>カイゴ</t>
    </rPh>
    <rPh sb="4" eb="6">
      <t>ジギョウ</t>
    </rPh>
    <rPh sb="6" eb="7">
      <t>ショ</t>
    </rPh>
    <phoneticPr fontId="11"/>
  </si>
  <si>
    <t>自立訓練（機能訓練・生活訓練）</t>
    <rPh sb="0" eb="2">
      <t>ジリツ</t>
    </rPh>
    <rPh sb="2" eb="4">
      <t>クンレン</t>
    </rPh>
    <rPh sb="5" eb="7">
      <t>キノウ</t>
    </rPh>
    <rPh sb="7" eb="9">
      <t>クンレン</t>
    </rPh>
    <rPh sb="10" eb="12">
      <t>セイカツ</t>
    </rPh>
    <rPh sb="12" eb="14">
      <t>クンレン</t>
    </rPh>
    <phoneticPr fontId="11"/>
  </si>
  <si>
    <t>地域活動支援センター</t>
    <rPh sb="0" eb="2">
      <t>チイキ</t>
    </rPh>
    <rPh sb="2" eb="4">
      <t>カツドウ</t>
    </rPh>
    <rPh sb="4" eb="6">
      <t>シエン</t>
    </rPh>
    <phoneticPr fontId="11"/>
  </si>
  <si>
    <t>用紙・文具・事務機器</t>
  </si>
  <si>
    <t>家具・室内装飾</t>
  </si>
  <si>
    <t>印刷</t>
  </si>
  <si>
    <t>情報通信・電気機器</t>
  </si>
  <si>
    <t>写真・写真用品</t>
  </si>
  <si>
    <t>医療・理化学機器</t>
  </si>
  <si>
    <t>その他機械器具</t>
  </si>
  <si>
    <t>車両・船舶・航空機</t>
  </si>
  <si>
    <t>薬品・衛生資材</t>
  </si>
  <si>
    <t>油・燃料</t>
  </si>
  <si>
    <t>建材・資材</t>
  </si>
  <si>
    <t>書籍</t>
  </si>
  <si>
    <t>標識・広告用品</t>
  </si>
  <si>
    <t>警察・消防用品</t>
  </si>
  <si>
    <t>動植物</t>
  </si>
  <si>
    <t>教育・文化用品</t>
  </si>
  <si>
    <t>衣類・生活用品</t>
  </si>
  <si>
    <t>その他物品</t>
  </si>
  <si>
    <t>印刷</t>
    <phoneticPr fontId="11"/>
  </si>
  <si>
    <t>書籍</t>
    <phoneticPr fontId="11"/>
  </si>
  <si>
    <t>食料品</t>
    <phoneticPr fontId="11"/>
  </si>
  <si>
    <t>空気環境の測定</t>
    <rPh sb="0" eb="2">
      <t>クウキ</t>
    </rPh>
    <rPh sb="2" eb="4">
      <t>カンキョウ</t>
    </rPh>
    <rPh sb="5" eb="7">
      <t>ソクテイ</t>
    </rPh>
    <phoneticPr fontId="2"/>
  </si>
  <si>
    <t>展示物</t>
    <rPh sb="0" eb="3">
      <t>テンジブツ</t>
    </rPh>
    <phoneticPr fontId="2"/>
  </si>
  <si>
    <t>飲料水の水質検査</t>
    <rPh sb="0" eb="3">
      <t>インリョウスイ</t>
    </rPh>
    <rPh sb="4" eb="6">
      <t>スイシツ</t>
    </rPh>
    <rPh sb="6" eb="8">
      <t>ケンサ</t>
    </rPh>
    <phoneticPr fontId="2"/>
  </si>
  <si>
    <t>映画・ビデオ</t>
    <rPh sb="0" eb="2">
      <t>エイガ</t>
    </rPh>
    <phoneticPr fontId="2"/>
  </si>
  <si>
    <t>建築物ねずみ害虫駆除</t>
    <rPh sb="0" eb="3">
      <t>ケンチクブツ</t>
    </rPh>
    <rPh sb="6" eb="8">
      <t>ガイチュウ</t>
    </rPh>
    <rPh sb="8" eb="10">
      <t>クジョ</t>
    </rPh>
    <phoneticPr fontId="2"/>
  </si>
  <si>
    <t>植栽管理</t>
    <rPh sb="0" eb="2">
      <t>ショクサイ</t>
    </rPh>
    <rPh sb="2" eb="4">
      <t>カンリ</t>
    </rPh>
    <phoneticPr fontId="2"/>
  </si>
  <si>
    <t>設計</t>
    <rPh sb="0" eb="2">
      <t>セッケイ</t>
    </rPh>
    <phoneticPr fontId="2"/>
  </si>
  <si>
    <t>建築物の定期点検</t>
    <rPh sb="0" eb="3">
      <t>ケンチクブツ</t>
    </rPh>
    <rPh sb="4" eb="6">
      <t>テイキ</t>
    </rPh>
    <rPh sb="6" eb="8">
      <t>テンケン</t>
    </rPh>
    <phoneticPr fontId="2"/>
  </si>
  <si>
    <t>写真撮影・製図</t>
    <rPh sb="0" eb="2">
      <t>シャシン</t>
    </rPh>
    <rPh sb="2" eb="4">
      <t>サツエイ</t>
    </rPh>
    <rPh sb="5" eb="7">
      <t>セイズ</t>
    </rPh>
    <phoneticPr fontId="2"/>
  </si>
  <si>
    <t>給水設備の点検・清掃</t>
    <rPh sb="0" eb="2">
      <t>キュウスイ</t>
    </rPh>
    <rPh sb="2" eb="4">
      <t>セツビ</t>
    </rPh>
    <rPh sb="5" eb="7">
      <t>テンケン</t>
    </rPh>
    <rPh sb="8" eb="10">
      <t>セイソウ</t>
    </rPh>
    <phoneticPr fontId="2"/>
  </si>
  <si>
    <t>旅客運送</t>
    <rPh sb="0" eb="2">
      <t>リョカク</t>
    </rPh>
    <rPh sb="2" eb="4">
      <t>ウンソウ</t>
    </rPh>
    <phoneticPr fontId="2"/>
  </si>
  <si>
    <t>排水設備の点検・清掃</t>
    <rPh sb="0" eb="2">
      <t>ハイスイ</t>
    </rPh>
    <rPh sb="2" eb="4">
      <t>セツビ</t>
    </rPh>
    <rPh sb="5" eb="7">
      <t>テンケン</t>
    </rPh>
    <rPh sb="8" eb="10">
      <t>セイソウ</t>
    </rPh>
    <phoneticPr fontId="2"/>
  </si>
  <si>
    <t>運行管理</t>
    <rPh sb="0" eb="4">
      <t>ウンコウカンリ</t>
    </rPh>
    <phoneticPr fontId="2"/>
  </si>
  <si>
    <t>電気設備の保守点検</t>
    <rPh sb="0" eb="2">
      <t>デンキ</t>
    </rPh>
    <rPh sb="2" eb="4">
      <t>セツビ</t>
    </rPh>
    <rPh sb="5" eb="9">
      <t>ホシュテンケン</t>
    </rPh>
    <phoneticPr fontId="2"/>
  </si>
  <si>
    <t>エレベーターの保守点検</t>
    <rPh sb="7" eb="11">
      <t>ホシュテンケン</t>
    </rPh>
    <phoneticPr fontId="2"/>
  </si>
  <si>
    <t>梱包・発送代行</t>
    <rPh sb="0" eb="2">
      <t>コンポウ</t>
    </rPh>
    <rPh sb="3" eb="7">
      <t>ハッソウダイコウ</t>
    </rPh>
    <phoneticPr fontId="2"/>
  </si>
  <si>
    <t>保管</t>
    <rPh sb="0" eb="2">
      <t>ホカン</t>
    </rPh>
    <phoneticPr fontId="2"/>
  </si>
  <si>
    <t>自動ドアの保守点検</t>
    <rPh sb="0" eb="2">
      <t>ジドウ</t>
    </rPh>
    <rPh sb="5" eb="9">
      <t>ホシュテンケン</t>
    </rPh>
    <phoneticPr fontId="2"/>
  </si>
  <si>
    <t>空調設備の保守点検</t>
    <rPh sb="0" eb="2">
      <t>クウチョウ</t>
    </rPh>
    <rPh sb="2" eb="4">
      <t>セツビ</t>
    </rPh>
    <rPh sb="5" eb="9">
      <t>ホシュテンケン</t>
    </rPh>
    <phoneticPr fontId="2"/>
  </si>
  <si>
    <t>冷凍設備の保守点検</t>
    <rPh sb="0" eb="2">
      <t>レイトウ</t>
    </rPh>
    <rPh sb="2" eb="4">
      <t>セツビ</t>
    </rPh>
    <rPh sb="5" eb="9">
      <t>ホシュテンケン</t>
    </rPh>
    <phoneticPr fontId="2"/>
  </si>
  <si>
    <t>ダクトの清掃</t>
    <rPh sb="4" eb="6">
      <t>セイソウ</t>
    </rPh>
    <phoneticPr fontId="2"/>
  </si>
  <si>
    <t>医療事務</t>
    <rPh sb="0" eb="2">
      <t>イリョウ</t>
    </rPh>
    <rPh sb="2" eb="4">
      <t>ジム</t>
    </rPh>
    <phoneticPr fontId="2"/>
  </si>
  <si>
    <t>オイルタンクの点検・清掃</t>
    <rPh sb="7" eb="9">
      <t>テンケン</t>
    </rPh>
    <rPh sb="10" eb="12">
      <t>セイソウ</t>
    </rPh>
    <phoneticPr fontId="2"/>
  </si>
  <si>
    <t>集団検診等</t>
    <rPh sb="0" eb="2">
      <t>シュウダン</t>
    </rPh>
    <rPh sb="2" eb="4">
      <t>ケンシン</t>
    </rPh>
    <rPh sb="4" eb="5">
      <t>トウ</t>
    </rPh>
    <phoneticPr fontId="2"/>
  </si>
  <si>
    <t>ボイラーの清掃・保守</t>
    <rPh sb="5" eb="7">
      <t>セイソウ</t>
    </rPh>
    <rPh sb="8" eb="10">
      <t>ホシュ</t>
    </rPh>
    <phoneticPr fontId="2"/>
  </si>
  <si>
    <t>臨床検査</t>
    <rPh sb="0" eb="2">
      <t>リンショウ</t>
    </rPh>
    <rPh sb="2" eb="4">
      <t>ケンサ</t>
    </rPh>
    <phoneticPr fontId="2"/>
  </si>
  <si>
    <t>ポンプの保守点検</t>
    <rPh sb="4" eb="6">
      <t>ホシュ</t>
    </rPh>
    <rPh sb="6" eb="8">
      <t>テンケン</t>
    </rPh>
    <phoneticPr fontId="2"/>
  </si>
  <si>
    <t>医療機器の保守点検</t>
    <rPh sb="0" eb="2">
      <t>イリョウ</t>
    </rPh>
    <rPh sb="2" eb="4">
      <t>キキ</t>
    </rPh>
    <rPh sb="5" eb="9">
      <t>ホシュテンケン</t>
    </rPh>
    <phoneticPr fontId="2"/>
  </si>
  <si>
    <t>監視制御装置の保守点検</t>
    <rPh sb="0" eb="2">
      <t>カンシ</t>
    </rPh>
    <rPh sb="2" eb="6">
      <t>セイギョソウチ</t>
    </rPh>
    <rPh sb="7" eb="11">
      <t>ホシュテンケン</t>
    </rPh>
    <phoneticPr fontId="2"/>
  </si>
  <si>
    <t>医療材料等物品管理</t>
    <rPh sb="0" eb="2">
      <t>イリョウ</t>
    </rPh>
    <rPh sb="2" eb="4">
      <t>ザイリョウ</t>
    </rPh>
    <rPh sb="4" eb="5">
      <t>トウ</t>
    </rPh>
    <rPh sb="5" eb="7">
      <t>ブッピン</t>
    </rPh>
    <rPh sb="7" eb="9">
      <t>カンリ</t>
    </rPh>
    <phoneticPr fontId="2"/>
  </si>
  <si>
    <t>消防設備の保守点検</t>
    <rPh sb="0" eb="2">
      <t>ショウボウ</t>
    </rPh>
    <rPh sb="2" eb="4">
      <t>セツビ</t>
    </rPh>
    <rPh sb="5" eb="9">
      <t>ホシュテンケン</t>
    </rPh>
    <phoneticPr fontId="2"/>
  </si>
  <si>
    <t>クレーンの保守点検</t>
    <rPh sb="5" eb="9">
      <t>ホシュテンケン</t>
    </rPh>
    <phoneticPr fontId="2"/>
  </si>
  <si>
    <t>電話交換機の保守点検</t>
    <rPh sb="0" eb="5">
      <t>デンワコウカンキ</t>
    </rPh>
    <rPh sb="6" eb="10">
      <t>ホシュテンケン</t>
    </rPh>
    <phoneticPr fontId="2"/>
  </si>
  <si>
    <t>放送設備の保守点検</t>
    <rPh sb="0" eb="2">
      <t>ホウソウ</t>
    </rPh>
    <rPh sb="2" eb="4">
      <t>セツビ</t>
    </rPh>
    <rPh sb="5" eb="9">
      <t>ホシュテンケン</t>
    </rPh>
    <phoneticPr fontId="2"/>
  </si>
  <si>
    <t>食器洗浄</t>
    <rPh sb="0" eb="2">
      <t>ショッキ</t>
    </rPh>
    <rPh sb="2" eb="4">
      <t>センジョウ</t>
    </rPh>
    <phoneticPr fontId="2"/>
  </si>
  <si>
    <t>機械警備</t>
    <rPh sb="0" eb="2">
      <t>キカイ</t>
    </rPh>
    <rPh sb="2" eb="4">
      <t>ケイビ</t>
    </rPh>
    <phoneticPr fontId="2"/>
  </si>
  <si>
    <t>遊具保守点検</t>
    <rPh sb="0" eb="2">
      <t>ユウグ</t>
    </rPh>
    <rPh sb="2" eb="6">
      <t>ホシュテンケン</t>
    </rPh>
    <phoneticPr fontId="2"/>
  </si>
  <si>
    <t>駐車場管理</t>
    <rPh sb="0" eb="3">
      <t>チュウシャジョウ</t>
    </rPh>
    <rPh sb="3" eb="5">
      <t>カンリ</t>
    </rPh>
    <phoneticPr fontId="2"/>
  </si>
  <si>
    <t>受付</t>
    <rPh sb="0" eb="2">
      <t>ウケツケ</t>
    </rPh>
    <phoneticPr fontId="2"/>
  </si>
  <si>
    <t>交通安全施設等保守点検</t>
    <rPh sb="0" eb="2">
      <t>コウツウ</t>
    </rPh>
    <rPh sb="2" eb="4">
      <t>アンゼン</t>
    </rPh>
    <rPh sb="4" eb="6">
      <t>シセツ</t>
    </rPh>
    <rPh sb="6" eb="7">
      <t>トウ</t>
    </rPh>
    <rPh sb="7" eb="11">
      <t>ホシュテンケン</t>
    </rPh>
    <phoneticPr fontId="2"/>
  </si>
  <si>
    <t>電話交換</t>
    <rPh sb="0" eb="2">
      <t>デンワ</t>
    </rPh>
    <rPh sb="2" eb="4">
      <t>コウカン</t>
    </rPh>
    <phoneticPr fontId="2"/>
  </si>
  <si>
    <t>船舶・航空機の保守点検</t>
    <rPh sb="0" eb="2">
      <t>センパク</t>
    </rPh>
    <rPh sb="3" eb="6">
      <t>コウクウキ</t>
    </rPh>
    <rPh sb="7" eb="11">
      <t>ホシュテンケン</t>
    </rPh>
    <phoneticPr fontId="2"/>
  </si>
  <si>
    <t>調査・研究</t>
    <rPh sb="0" eb="2">
      <t>チョウサ</t>
    </rPh>
    <rPh sb="3" eb="5">
      <t>ケンキュウ</t>
    </rPh>
    <phoneticPr fontId="2"/>
  </si>
  <si>
    <t>翻訳・通訳</t>
    <rPh sb="0" eb="2">
      <t>ホンヤク</t>
    </rPh>
    <rPh sb="3" eb="5">
      <t>ツウヤク</t>
    </rPh>
    <phoneticPr fontId="2"/>
  </si>
  <si>
    <t>環境測定</t>
    <rPh sb="0" eb="2">
      <t>カンキョウ</t>
    </rPh>
    <rPh sb="2" eb="4">
      <t>ソクテイ</t>
    </rPh>
    <phoneticPr fontId="2"/>
  </si>
  <si>
    <t>速記</t>
    <rPh sb="0" eb="2">
      <t>ソッキ</t>
    </rPh>
    <phoneticPr fontId="2"/>
  </si>
  <si>
    <t>理化学検査</t>
    <rPh sb="0" eb="3">
      <t>リカガク</t>
    </rPh>
    <rPh sb="3" eb="5">
      <t>ケンサ</t>
    </rPh>
    <phoneticPr fontId="2"/>
  </si>
  <si>
    <t>筆耕</t>
    <rPh sb="0" eb="2">
      <t>ヒッコウ</t>
    </rPh>
    <phoneticPr fontId="2"/>
  </si>
  <si>
    <t>作業環境測定</t>
    <rPh sb="0" eb="2">
      <t>サギョウ</t>
    </rPh>
    <rPh sb="2" eb="6">
      <t>カンキョウソクテイ</t>
    </rPh>
    <phoneticPr fontId="2"/>
  </si>
  <si>
    <t>テープ起こし</t>
    <rPh sb="3" eb="4">
      <t>オ</t>
    </rPh>
    <phoneticPr fontId="2"/>
  </si>
  <si>
    <t>水道水質検査</t>
    <rPh sb="0" eb="2">
      <t>スイドウ</t>
    </rPh>
    <rPh sb="2" eb="4">
      <t>スイシツ</t>
    </rPh>
    <rPh sb="4" eb="6">
      <t>ケンサ</t>
    </rPh>
    <phoneticPr fontId="2"/>
  </si>
  <si>
    <t>環境保護</t>
    <rPh sb="0" eb="2">
      <t>カンキョウ</t>
    </rPh>
    <rPh sb="2" eb="4">
      <t>ホゴ</t>
    </rPh>
    <phoneticPr fontId="2"/>
  </si>
  <si>
    <t>森林整備</t>
    <rPh sb="0" eb="2">
      <t>シンリン</t>
    </rPh>
    <rPh sb="2" eb="4">
      <t>セイビ</t>
    </rPh>
    <phoneticPr fontId="2"/>
  </si>
  <si>
    <t>動物飼育</t>
    <rPh sb="0" eb="2">
      <t>ドウブツ</t>
    </rPh>
    <rPh sb="2" eb="4">
      <t>シイク</t>
    </rPh>
    <phoneticPr fontId="2"/>
  </si>
  <si>
    <t>人材派遣</t>
    <rPh sb="0" eb="2">
      <t>ジンザイ</t>
    </rPh>
    <rPh sb="2" eb="4">
      <t>ハケン</t>
    </rPh>
    <phoneticPr fontId="2"/>
  </si>
  <si>
    <t>電気通信回線サービス</t>
    <rPh sb="0" eb="2">
      <t>デンキ</t>
    </rPh>
    <rPh sb="2" eb="4">
      <t>ツウシン</t>
    </rPh>
    <rPh sb="4" eb="6">
      <t>カイセン</t>
    </rPh>
    <phoneticPr fontId="2"/>
  </si>
  <si>
    <t>システムの設計・開発</t>
    <rPh sb="5" eb="7">
      <t>セッケイ</t>
    </rPh>
    <rPh sb="8" eb="10">
      <t>カイハツ</t>
    </rPh>
    <phoneticPr fontId="2"/>
  </si>
  <si>
    <t>損害保険</t>
    <rPh sb="0" eb="2">
      <t>ソンガイ</t>
    </rPh>
    <rPh sb="2" eb="4">
      <t>ホケン</t>
    </rPh>
    <phoneticPr fontId="2"/>
  </si>
  <si>
    <t>システムの保守・管理</t>
    <rPh sb="5" eb="7">
      <t>ホシュ</t>
    </rPh>
    <rPh sb="8" eb="10">
      <t>カンリ</t>
    </rPh>
    <phoneticPr fontId="2"/>
  </si>
  <si>
    <t>ホームページ作成・管理</t>
    <rPh sb="6" eb="8">
      <t>サクセイ</t>
    </rPh>
    <rPh sb="9" eb="11">
      <t>カンリ</t>
    </rPh>
    <phoneticPr fontId="2"/>
  </si>
  <si>
    <t>データ処理</t>
    <rPh sb="3" eb="5">
      <t>ショリ</t>
    </rPh>
    <phoneticPr fontId="2"/>
  </si>
  <si>
    <t>情報通信・電気機器</t>
    <phoneticPr fontId="11"/>
  </si>
  <si>
    <t>写真・写真用品</t>
    <phoneticPr fontId="11"/>
  </si>
  <si>
    <t>医療・理化学機器</t>
    <phoneticPr fontId="11"/>
  </si>
  <si>
    <t>その他機械器具</t>
    <phoneticPr fontId="11"/>
  </si>
  <si>
    <t>車両・船舶・航空機</t>
    <phoneticPr fontId="11"/>
  </si>
  <si>
    <t>薬品・衛生資材</t>
    <phoneticPr fontId="11"/>
  </si>
  <si>
    <t>油・燃料</t>
    <phoneticPr fontId="11"/>
  </si>
  <si>
    <t>建材・資材</t>
    <phoneticPr fontId="11"/>
  </si>
  <si>
    <t>標識・広告用品</t>
    <phoneticPr fontId="11"/>
  </si>
  <si>
    <t>警察・消防用品</t>
    <phoneticPr fontId="11"/>
  </si>
  <si>
    <t>動植物</t>
    <phoneticPr fontId="11"/>
  </si>
  <si>
    <t>教育・文化用品</t>
    <phoneticPr fontId="11"/>
  </si>
  <si>
    <t>衣類・生活用品</t>
    <phoneticPr fontId="11"/>
  </si>
  <si>
    <t>その他物品</t>
    <phoneticPr fontId="11"/>
  </si>
  <si>
    <t>建築設備保守点検</t>
    <phoneticPr fontId="11"/>
  </si>
  <si>
    <t>ＩＴコンサルティング</t>
  </si>
  <si>
    <t>イベント</t>
  </si>
  <si>
    <t>コンサルティングサービス</t>
  </si>
  <si>
    <t>社会福祉法人〇〇〇</t>
    <rPh sb="0" eb="2">
      <t>シャカイ</t>
    </rPh>
    <rPh sb="2" eb="4">
      <t>フクシ</t>
    </rPh>
    <rPh sb="4" eb="6">
      <t>ホウジン</t>
    </rPh>
    <phoneticPr fontId="11"/>
  </si>
  <si>
    <t>●●作業所</t>
    <rPh sb="2" eb="4">
      <t>サギョウ</t>
    </rPh>
    <rPh sb="4" eb="5">
      <t>ショ</t>
    </rPh>
    <phoneticPr fontId="11"/>
  </si>
  <si>
    <t>730-8511</t>
    <phoneticPr fontId="11"/>
  </si>
  <si>
    <t>広島市中区基町10-52</t>
    <rPh sb="0" eb="3">
      <t>ヒロシマシ</t>
    </rPh>
    <rPh sb="3" eb="5">
      <t>ナカク</t>
    </rPh>
    <rPh sb="5" eb="7">
      <t>モトマチ</t>
    </rPh>
    <phoneticPr fontId="11"/>
  </si>
  <si>
    <t>△△△</t>
    <phoneticPr fontId="11"/>
  </si>
  <si>
    <t>730-0052</t>
    <phoneticPr fontId="11"/>
  </si>
  <si>
    <t>広島市中区千田町三丁目7-47</t>
    <rPh sb="0" eb="3">
      <t>ヒロシマシ</t>
    </rPh>
    <rPh sb="3" eb="5">
      <t>ナカク</t>
    </rPh>
    <rPh sb="5" eb="8">
      <t>センダマチ</t>
    </rPh>
    <rPh sb="8" eb="11">
      <t>サンチョウメ</t>
    </rPh>
    <phoneticPr fontId="11"/>
  </si>
  <si>
    <t>082-513-3155</t>
    <phoneticPr fontId="11"/>
  </si>
  <si>
    <t>082-241-4995</t>
    <phoneticPr fontId="11"/>
  </si>
  <si>
    <t>082-223-3611</t>
    <phoneticPr fontId="11"/>
  </si>
  <si>
    <t>fusyoushien@pref.hiroshima.lg.jp</t>
    <phoneticPr fontId="11"/>
  </si>
  <si>
    <t>https://www.pref.hiroshima.lg.jp/site/ouenaction/tunagarucampaign04.html</t>
    <phoneticPr fontId="11"/>
  </si>
  <si>
    <t>物品</t>
  </si>
  <si>
    <t>役務</t>
  </si>
  <si>
    <t>クッキー</t>
    <phoneticPr fontId="11"/>
  </si>
  <si>
    <t>パウンドケーキ</t>
    <phoneticPr fontId="11"/>
  </si>
  <si>
    <t>館内清掃</t>
    <rPh sb="0" eb="2">
      <t>カンナイ</t>
    </rPh>
    <rPh sb="2" eb="4">
      <t>セイソウ</t>
    </rPh>
    <phoneticPr fontId="11"/>
  </si>
  <si>
    <t>封筒（宛名印刷）</t>
    <rPh sb="0" eb="2">
      <t>フウトウ</t>
    </rPh>
    <rPh sb="3" eb="5">
      <t>アテナ</t>
    </rPh>
    <rPh sb="5" eb="7">
      <t>インサツ</t>
    </rPh>
    <phoneticPr fontId="11"/>
  </si>
  <si>
    <t>○</t>
  </si>
  <si>
    <t>-</t>
  </si>
  <si>
    <t>○</t>
    <phoneticPr fontId="11"/>
  </si>
  <si>
    <t>要相談</t>
    <rPh sb="0" eb="1">
      <t>ヨウ</t>
    </rPh>
    <rPh sb="1" eb="3">
      <t>ソウダン</t>
    </rPh>
    <phoneticPr fontId="11"/>
  </si>
  <si>
    <t>大量の場合は要事前相談</t>
    <rPh sb="0" eb="2">
      <t>タイリョウ</t>
    </rPh>
    <rPh sb="3" eb="5">
      <t>バアイ</t>
    </rPh>
    <rPh sb="6" eb="7">
      <t>ヨウ</t>
    </rPh>
    <rPh sb="7" eb="9">
      <t>ジゼン</t>
    </rPh>
    <rPh sb="9" eb="11">
      <t>ソウダン</t>
    </rPh>
    <phoneticPr fontId="11"/>
  </si>
  <si>
    <t>50枚以上</t>
    <rPh sb="2" eb="3">
      <t>マイ</t>
    </rPh>
    <rPh sb="3" eb="5">
      <t>イジョウ</t>
    </rPh>
    <phoneticPr fontId="11"/>
  </si>
  <si>
    <t>10日程度</t>
    <rPh sb="2" eb="3">
      <t>ヒ</t>
    </rPh>
    <rPh sb="3" eb="5">
      <t>テイド</t>
    </rPh>
    <phoneticPr fontId="11"/>
  </si>
  <si>
    <t>大量の場合は事前相談で対応します。</t>
    <rPh sb="0" eb="2">
      <t>タイリョウ</t>
    </rPh>
    <rPh sb="3" eb="5">
      <t>バアイ</t>
    </rPh>
    <rPh sb="6" eb="8">
      <t>ジゼン</t>
    </rPh>
    <rPh sb="8" eb="10">
      <t>ソウダン</t>
    </rPh>
    <rPh sb="11" eb="13">
      <t>タイオウ</t>
    </rPh>
    <phoneticPr fontId="11"/>
  </si>
  <si>
    <t>定期的な発注を希望</t>
    <rPh sb="0" eb="3">
      <t>テイキテキ</t>
    </rPh>
    <rPh sb="4" eb="6">
      <t>ハッチュウ</t>
    </rPh>
    <rPh sb="7" eb="9">
      <t>キボウ</t>
    </rPh>
    <phoneticPr fontId="11"/>
  </si>
  <si>
    <t>通常販売だけでなく、イベント等でのノベルティ対応も可能のため、そのような活用にも使ってほしい。</t>
    <rPh sb="0" eb="2">
      <t>ツウジョウ</t>
    </rPh>
    <rPh sb="2" eb="4">
      <t>ハンバイ</t>
    </rPh>
    <rPh sb="14" eb="15">
      <t>トウ</t>
    </rPh>
    <rPh sb="22" eb="24">
      <t>タイオウ</t>
    </rPh>
    <rPh sb="25" eb="27">
      <t>カノウ</t>
    </rPh>
    <rPh sb="36" eb="38">
      <t>カツヨウ</t>
    </rPh>
    <rPh sb="40" eb="41">
      <t>ツカ</t>
    </rPh>
    <phoneticPr fontId="11"/>
  </si>
  <si>
    <t>その他特記事項（製品の特長、発注時の注意点など）</t>
    <rPh sb="2" eb="3">
      <t>タ</t>
    </rPh>
    <rPh sb="3" eb="5">
      <t>トッキ</t>
    </rPh>
    <rPh sb="5" eb="7">
      <t>ジコウ</t>
    </rPh>
    <rPh sb="8" eb="10">
      <t>セイヒン</t>
    </rPh>
    <rPh sb="11" eb="13">
      <t>トクチョウ</t>
    </rPh>
    <rPh sb="14" eb="16">
      <t>ハッチュウ</t>
    </rPh>
    <rPh sb="16" eb="17">
      <t>ジ</t>
    </rPh>
    <rPh sb="18" eb="20">
      <t>チュウイ</t>
    </rPh>
    <rPh sb="20" eb="21">
      <t>テン</t>
    </rPh>
    <phoneticPr fontId="11"/>
  </si>
  <si>
    <t>広島県等からの物品・役務の発注（共同受注窓口を介したものも含む。）に課題や要望などございましたら、記入してください。</t>
    <rPh sb="0" eb="3">
      <t>ヒロシマケン</t>
    </rPh>
    <rPh sb="3" eb="4">
      <t>トウ</t>
    </rPh>
    <rPh sb="7" eb="9">
      <t>ブッピン</t>
    </rPh>
    <rPh sb="10" eb="12">
      <t>エキム</t>
    </rPh>
    <rPh sb="13" eb="15">
      <t>ハッチュウ</t>
    </rPh>
    <rPh sb="16" eb="22">
      <t>キョウドウジュチュウマドグチ</t>
    </rPh>
    <rPh sb="23" eb="24">
      <t>カイ</t>
    </rPh>
    <rPh sb="29" eb="30">
      <t>フク</t>
    </rPh>
    <rPh sb="34" eb="36">
      <t>カダイ</t>
    </rPh>
    <rPh sb="37" eb="39">
      <t>ヨウボウ</t>
    </rPh>
    <rPh sb="49" eb="51">
      <t>キニュウ</t>
    </rPh>
    <phoneticPr fontId="11"/>
  </si>
  <si>
    <t>美術品、楽器</t>
    <rPh sb="0" eb="2">
      <t>ビジュツ</t>
    </rPh>
    <rPh sb="2" eb="3">
      <t>ヒン</t>
    </rPh>
    <rPh sb="4" eb="6">
      <t>ガッキ</t>
    </rPh>
    <phoneticPr fontId="11"/>
  </si>
  <si>
    <t>石炭、木炭</t>
  </si>
  <si>
    <t>100枚で3、000円程度</t>
    <rPh sb="3" eb="4">
      <t>マイ</t>
    </rPh>
    <rPh sb="10" eb="11">
      <t>エン</t>
    </rPh>
    <rPh sb="11" eb="13">
      <t>テイド</t>
    </rPh>
    <phoneticPr fontId="11"/>
  </si>
  <si>
    <r>
      <t>１．調査票（令和６年度）　　</t>
    </r>
    <r>
      <rPr>
        <b/>
        <sz val="22"/>
        <color rgb="FFFF0000"/>
        <rFont val="ＭＳ Ｐゴシック"/>
        <family val="3"/>
        <charset val="128"/>
        <scheme val="minor"/>
      </rPr>
      <t>※登録情報の入力をお願いします。</t>
    </r>
    <rPh sb="2" eb="4">
      <t>チョウサ</t>
    </rPh>
    <rPh sb="4" eb="5">
      <t>ヒョウ</t>
    </rPh>
    <rPh sb="6" eb="8">
      <t>レイワ</t>
    </rPh>
    <rPh sb="9" eb="11">
      <t>ネンド</t>
    </rPh>
    <rPh sb="15" eb="17">
      <t>トウロク</t>
    </rPh>
    <rPh sb="17" eb="19">
      <t>ジョウホウ</t>
    </rPh>
    <rPh sb="20" eb="22">
      <t>ニュウリョク</t>
    </rPh>
    <rPh sb="24" eb="25">
      <t>ネガ</t>
    </rPh>
    <phoneticPr fontId="11"/>
  </si>
  <si>
    <t>事業所情報</t>
    <rPh sb="3" eb="5">
      <t>ジョウホウ</t>
    </rPh>
    <phoneticPr fontId="11"/>
  </si>
  <si>
    <r>
      <t>１．調査票（令和７年度）　　</t>
    </r>
    <r>
      <rPr>
        <b/>
        <sz val="22"/>
        <color rgb="FFFF0000"/>
        <rFont val="ＭＳ Ｐゴシック"/>
        <family val="3"/>
        <charset val="128"/>
        <scheme val="minor"/>
      </rPr>
      <t>※登録情報の入力をお願いします。</t>
    </r>
    <rPh sb="2" eb="4">
      <t>チョウサ</t>
    </rPh>
    <rPh sb="4" eb="5">
      <t>ヒョウ</t>
    </rPh>
    <rPh sb="6" eb="8">
      <t>レイワ</t>
    </rPh>
    <rPh sb="9" eb="11">
      <t>ネンド</t>
    </rPh>
    <rPh sb="15" eb="17">
      <t>トウロク</t>
    </rPh>
    <rPh sb="17" eb="19">
      <t>ジョウホウ</t>
    </rPh>
    <rPh sb="20" eb="22">
      <t>ニュウリョク</t>
    </rPh>
    <rPh sb="24" eb="25">
      <t>ネガ</t>
    </rPh>
    <phoneticPr fontId="1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neral"/>
    <numFmt numFmtId="177" formatCode="_-* #,##0_-;\-* #,##0_-;_-* &quot;-&quot;_-;_-@_-"/>
  </numFmts>
  <fonts count="48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u/>
      <sz val="11"/>
      <color rgb="FF0000FF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9"/>
      <name val="ＭＳ Ｐゴシック"/>
      <family val="3"/>
      <charset val="128"/>
    </font>
    <font>
      <sz val="11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  <font>
      <sz val="9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trike/>
      <sz val="10"/>
      <color theme="1"/>
      <name val="ＭＳ Ｐゴシック"/>
      <family val="3"/>
      <charset val="128"/>
    </font>
    <font>
      <sz val="6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b/>
      <sz val="11"/>
      <color theme="1"/>
      <name val="ＭＳ Ｐゴシック"/>
      <family val="3"/>
      <charset val="128"/>
      <scheme val="minor"/>
    </font>
    <font>
      <b/>
      <sz val="22"/>
      <name val="ＭＳ Ｐゴシック"/>
      <family val="3"/>
      <charset val="128"/>
      <scheme val="minor"/>
    </font>
    <font>
      <b/>
      <sz val="22"/>
      <color rgb="FFFF0000"/>
      <name val="ＭＳ Ｐゴシック"/>
      <family val="3"/>
      <charset val="128"/>
      <scheme val="minor"/>
    </font>
    <font>
      <b/>
      <sz val="11"/>
      <name val="ＭＳ Ｐゴシック"/>
      <family val="2"/>
      <charset val="128"/>
    </font>
    <font>
      <sz val="11"/>
      <color theme="1"/>
      <name val="ＭＳ Ｐゴシック"/>
      <family val="3"/>
      <charset val="128"/>
      <scheme val="minor"/>
    </font>
    <font>
      <b/>
      <sz val="12"/>
      <name val="ＭＳ Ｐゴシック"/>
      <family val="2"/>
      <charset val="128"/>
    </font>
    <font>
      <sz val="11"/>
      <color rgb="FFFF00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</font>
    <font>
      <sz val="14"/>
      <color rgb="FFFF0000"/>
      <name val="ＭＳ Ｐゴシック"/>
      <family val="3"/>
      <charset val="128"/>
      <scheme val="minor"/>
    </font>
    <font>
      <sz val="9"/>
      <color rgb="FFFF0000"/>
      <name val="ＭＳ Ｐゴシック"/>
      <family val="3"/>
      <charset val="128"/>
    </font>
    <font>
      <sz val="12"/>
      <color rgb="FFFF0000"/>
      <name val="ＭＳ Ｐゴシック"/>
      <family val="3"/>
      <charset val="128"/>
      <scheme val="minor"/>
    </font>
    <font>
      <sz val="12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9"/>
      <name val="ＭＳ 明朝"/>
      <family val="1"/>
      <charset val="128"/>
    </font>
    <font>
      <sz val="11"/>
      <color theme="1"/>
      <name val="ＭＳ 明朝"/>
      <family val="1"/>
      <charset val="128"/>
    </font>
  </fonts>
  <fills count="11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9" tint="0.59996337778862885"/>
        <bgColor indexed="64"/>
      </patternFill>
    </fill>
    <fill>
      <patternFill patternType="solid">
        <fgColor theme="6" tint="0.59996337778862885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FFFF00"/>
        <bgColor indexed="64"/>
      </patternFill>
    </fill>
  </fills>
  <borders count="3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</borders>
  <cellStyleXfs count="17">
    <xf numFmtId="0" fontId="0" fillId="0" borderId="0">
      <alignment vertical="center"/>
    </xf>
    <xf numFmtId="0" fontId="12" fillId="0" borderId="3">
      <alignment horizontal="center" vertical="center"/>
    </xf>
    <xf numFmtId="176" fontId="16" fillId="0" borderId="0">
      <alignment vertical="center"/>
    </xf>
    <xf numFmtId="176" fontId="17" fillId="0" borderId="0">
      <alignment vertical="center"/>
    </xf>
    <xf numFmtId="0" fontId="10" fillId="0" borderId="0">
      <alignment vertical="center"/>
    </xf>
    <xf numFmtId="0" fontId="15" fillId="0" borderId="0">
      <alignment vertical="center"/>
    </xf>
    <xf numFmtId="0" fontId="12" fillId="0" borderId="0"/>
    <xf numFmtId="0" fontId="9" fillId="0" borderId="0">
      <alignment vertical="center"/>
    </xf>
    <xf numFmtId="0" fontId="8" fillId="0" borderId="0">
      <alignment vertical="center"/>
    </xf>
    <xf numFmtId="38" fontId="10" fillId="0" borderId="0" applyFont="0" applyFill="0" applyBorder="0" applyAlignment="0" applyProtection="0">
      <alignment vertical="center"/>
    </xf>
    <xf numFmtId="0" fontId="6" fillId="0" borderId="0">
      <alignment vertical="center"/>
    </xf>
    <xf numFmtId="177" fontId="12" fillId="0" borderId="0" applyFont="0" applyFill="0" applyBorder="0" applyAlignment="0" applyProtection="0"/>
    <xf numFmtId="0" fontId="10" fillId="0" borderId="0">
      <alignment vertical="center"/>
    </xf>
    <xf numFmtId="0" fontId="2" fillId="0" borderId="0">
      <alignment vertical="center"/>
    </xf>
    <xf numFmtId="0" fontId="10" fillId="0" borderId="0"/>
    <xf numFmtId="0" fontId="10" fillId="0" borderId="0"/>
    <xf numFmtId="38" fontId="10" fillId="0" borderId="0" applyFont="0" applyFill="0" applyBorder="0" applyAlignment="0" applyProtection="0">
      <alignment vertical="center"/>
    </xf>
  </cellStyleXfs>
  <cellXfs count="254">
    <xf numFmtId="0" fontId="0" fillId="0" borderId="0" xfId="0">
      <alignment vertical="center"/>
    </xf>
    <xf numFmtId="0" fontId="9" fillId="0" borderId="0" xfId="7">
      <alignment vertical="center"/>
    </xf>
    <xf numFmtId="0" fontId="9" fillId="0" borderId="6" xfId="7" applyBorder="1">
      <alignment vertical="center"/>
    </xf>
    <xf numFmtId="49" fontId="10" fillId="0" borderId="6" xfId="0" applyNumberFormat="1" applyFont="1" applyBorder="1" applyAlignment="1">
      <alignment horizontal="center" vertical="center" wrapText="1" shrinkToFit="1"/>
    </xf>
    <xf numFmtId="0" fontId="24" fillId="0" borderId="0" xfId="7" applyFont="1" applyAlignment="1">
      <alignment horizontal="center" vertical="center"/>
    </xf>
    <xf numFmtId="0" fontId="9" fillId="0" borderId="0" xfId="7" applyAlignment="1">
      <alignment horizontal="center" vertical="center"/>
    </xf>
    <xf numFmtId="0" fontId="9" fillId="0" borderId="0" xfId="7" applyAlignment="1">
      <alignment horizontal="left" vertical="center"/>
    </xf>
    <xf numFmtId="0" fontId="22" fillId="0" borderId="0" xfId="7" applyFont="1" applyAlignment="1">
      <alignment horizontal="center" vertical="center"/>
    </xf>
    <xf numFmtId="0" fontId="22" fillId="3" borderId="6" xfId="7" applyFont="1" applyFill="1" applyBorder="1" applyAlignment="1">
      <alignment horizontal="center" vertical="center"/>
    </xf>
    <xf numFmtId="0" fontId="13" fillId="4" borderId="6" xfId="0" applyFont="1" applyFill="1" applyBorder="1" applyAlignment="1">
      <alignment horizontal="center" vertical="center" wrapText="1" shrinkToFit="1"/>
    </xf>
    <xf numFmtId="0" fontId="20" fillId="4" borderId="6" xfId="0" applyFont="1" applyFill="1" applyBorder="1" applyAlignment="1">
      <alignment horizontal="center" vertical="center" wrapText="1" shrinkToFit="1"/>
    </xf>
    <xf numFmtId="0" fontId="19" fillId="4" borderId="6" xfId="0" applyFont="1" applyFill="1" applyBorder="1" applyAlignment="1">
      <alignment horizontal="center" vertical="center" wrapText="1" shrinkToFit="1"/>
    </xf>
    <xf numFmtId="0" fontId="24" fillId="0" borderId="0" xfId="7" applyFont="1" applyAlignment="1">
      <alignment horizontal="left" vertical="center"/>
    </xf>
    <xf numFmtId="0" fontId="26" fillId="7" borderId="3" xfId="0" applyFont="1" applyFill="1" applyBorder="1" applyAlignment="1">
      <alignment horizontal="center" vertical="center" shrinkToFit="1"/>
    </xf>
    <xf numFmtId="0" fontId="26" fillId="7" borderId="6" xfId="0" applyFont="1" applyFill="1" applyBorder="1" applyAlignment="1">
      <alignment horizontal="center" vertical="center" shrinkToFit="1"/>
    </xf>
    <xf numFmtId="49" fontId="26" fillId="0" borderId="16" xfId="0" applyNumberFormat="1" applyFont="1" applyBorder="1" applyAlignment="1">
      <alignment horizontal="center" vertical="center" shrinkToFit="1"/>
    </xf>
    <xf numFmtId="0" fontId="26" fillId="0" borderId="17" xfId="0" applyFont="1" applyBorder="1" applyAlignment="1">
      <alignment horizontal="left" vertical="center" shrinkToFit="1"/>
    </xf>
    <xf numFmtId="0" fontId="26" fillId="0" borderId="18" xfId="0" applyFont="1" applyBorder="1" applyAlignment="1">
      <alignment vertical="center" shrinkToFit="1"/>
    </xf>
    <xf numFmtId="49" fontId="26" fillId="0" borderId="19" xfId="0" applyNumberFormat="1" applyFont="1" applyBorder="1" applyAlignment="1">
      <alignment horizontal="center" vertical="center" shrinkToFit="1"/>
    </xf>
    <xf numFmtId="0" fontId="26" fillId="0" borderId="20" xfId="0" applyFont="1" applyBorder="1" applyAlignment="1">
      <alignment horizontal="left" vertical="center" shrinkToFit="1"/>
    </xf>
    <xf numFmtId="0" fontId="26" fillId="0" borderId="21" xfId="0" applyFont="1" applyBorder="1" applyAlignment="1">
      <alignment vertical="center" shrinkToFit="1"/>
    </xf>
    <xf numFmtId="49" fontId="26" fillId="0" borderId="22" xfId="0" applyNumberFormat="1" applyFont="1" applyBorder="1" applyAlignment="1">
      <alignment horizontal="center" vertical="center" shrinkToFit="1"/>
    </xf>
    <xf numFmtId="0" fontId="26" fillId="0" borderId="23" xfId="0" applyFont="1" applyBorder="1" applyAlignment="1">
      <alignment horizontal="left" vertical="center" shrinkToFit="1"/>
    </xf>
    <xf numFmtId="0" fontId="26" fillId="0" borderId="24" xfId="0" applyFont="1" applyBorder="1" applyAlignment="1">
      <alignment vertical="center" shrinkToFit="1"/>
    </xf>
    <xf numFmtId="49" fontId="26" fillId="0" borderId="25" xfId="0" applyNumberFormat="1" applyFont="1" applyBorder="1" applyAlignment="1">
      <alignment horizontal="center" vertical="center" shrinkToFit="1"/>
    </xf>
    <xf numFmtId="0" fontId="26" fillId="0" borderId="26" xfId="0" applyFont="1" applyBorder="1" applyAlignment="1">
      <alignment horizontal="left" vertical="center" shrinkToFit="1"/>
    </xf>
    <xf numFmtId="0" fontId="26" fillId="0" borderId="27" xfId="0" applyFont="1" applyBorder="1" applyAlignment="1">
      <alignment horizontal="left" vertical="center" shrinkToFit="1"/>
    </xf>
    <xf numFmtId="0" fontId="26" fillId="0" borderId="21" xfId="0" applyFont="1" applyBorder="1" applyAlignment="1">
      <alignment horizontal="left" vertical="center" shrinkToFit="1"/>
    </xf>
    <xf numFmtId="0" fontId="26" fillId="0" borderId="18" xfId="0" applyFont="1" applyBorder="1" applyAlignment="1">
      <alignment horizontal="left" vertical="center" shrinkToFit="1"/>
    </xf>
    <xf numFmtId="0" fontId="26" fillId="0" borderId="21" xfId="0" applyFont="1" applyBorder="1" applyAlignment="1">
      <alignment horizontal="left" shrinkToFit="1"/>
    </xf>
    <xf numFmtId="0" fontId="26" fillId="0" borderId="21" xfId="0" applyFont="1" applyBorder="1" applyAlignment="1">
      <alignment horizontal="center" shrinkToFit="1"/>
    </xf>
    <xf numFmtId="0" fontId="26" fillId="0" borderId="27" xfId="0" applyFont="1" applyBorder="1" applyAlignment="1">
      <alignment vertical="center" shrinkToFit="1"/>
    </xf>
    <xf numFmtId="0" fontId="26" fillId="0" borderId="23" xfId="0" applyFont="1" applyBorder="1" applyAlignment="1">
      <alignment horizontal="center" shrinkToFit="1"/>
    </xf>
    <xf numFmtId="49" fontId="16" fillId="0" borderId="13" xfId="0" applyNumberFormat="1" applyFont="1" applyBorder="1" applyAlignment="1">
      <alignment horizontal="center" shrinkToFit="1"/>
    </xf>
    <xf numFmtId="0" fontId="27" fillId="0" borderId="18" xfId="0" applyFont="1" applyBorder="1" applyAlignment="1">
      <alignment horizontal="left" shrinkToFit="1"/>
    </xf>
    <xf numFmtId="0" fontId="26" fillId="0" borderId="24" xfId="0" applyFont="1" applyBorder="1" applyAlignment="1">
      <alignment horizontal="left" shrinkToFit="1"/>
    </xf>
    <xf numFmtId="0" fontId="26" fillId="0" borderId="24" xfId="0" applyFont="1" applyBorder="1" applyAlignment="1">
      <alignment horizontal="left" vertical="center" shrinkToFit="1"/>
    </xf>
    <xf numFmtId="49" fontId="16" fillId="0" borderId="13" xfId="0" applyNumberFormat="1" applyFont="1" applyBorder="1" applyAlignment="1">
      <alignment horizontal="center" vertical="top" shrinkToFit="1"/>
    </xf>
    <xf numFmtId="49" fontId="26" fillId="0" borderId="16" xfId="0" applyNumberFormat="1" applyFont="1" applyBorder="1" applyAlignment="1">
      <alignment horizontal="center" vertical="center"/>
    </xf>
    <xf numFmtId="49" fontId="26" fillId="0" borderId="19" xfId="0" applyNumberFormat="1" applyFont="1" applyBorder="1" applyAlignment="1">
      <alignment horizontal="center" vertical="center"/>
    </xf>
    <xf numFmtId="49" fontId="26" fillId="0" borderId="22" xfId="0" applyNumberFormat="1" applyFont="1" applyBorder="1" applyAlignment="1">
      <alignment horizontal="center" vertical="center"/>
    </xf>
    <xf numFmtId="0" fontId="26" fillId="0" borderId="24" xfId="0" applyFont="1" applyBorder="1" applyAlignment="1">
      <alignment vertical="center" wrapText="1" shrinkToFit="1"/>
    </xf>
    <xf numFmtId="0" fontId="26" fillId="0" borderId="1" xfId="0" applyFont="1" applyBorder="1" applyAlignment="1">
      <alignment horizontal="center" vertical="center" shrinkToFit="1"/>
    </xf>
    <xf numFmtId="0" fontId="26" fillId="0" borderId="2" xfId="0" applyFont="1" applyBorder="1" applyAlignment="1">
      <alignment horizontal="left" vertical="center" shrinkToFit="1"/>
    </xf>
    <xf numFmtId="0" fontId="26" fillId="0" borderId="3" xfId="0" applyFont="1" applyBorder="1" applyAlignment="1">
      <alignment horizontal="left" vertical="center" shrinkToFit="1"/>
    </xf>
    <xf numFmtId="0" fontId="26" fillId="0" borderId="6" xfId="0" applyFont="1" applyBorder="1" applyAlignment="1">
      <alignment vertical="center" shrinkToFit="1"/>
    </xf>
    <xf numFmtId="0" fontId="29" fillId="0" borderId="6" xfId="0" applyFont="1" applyBorder="1" applyAlignment="1">
      <alignment vertical="center" wrapText="1"/>
    </xf>
    <xf numFmtId="0" fontId="29" fillId="0" borderId="6" xfId="0" applyFont="1" applyBorder="1">
      <alignment vertical="center"/>
    </xf>
    <xf numFmtId="0" fontId="29" fillId="0" borderId="6" xfId="0" applyFont="1" applyBorder="1" applyAlignment="1">
      <alignment vertical="center" shrinkToFit="1"/>
    </xf>
    <xf numFmtId="0" fontId="29" fillId="0" borderId="13" xfId="0" applyFont="1" applyBorder="1">
      <alignment vertical="center"/>
    </xf>
    <xf numFmtId="0" fontId="29" fillId="0" borderId="18" xfId="0" applyFont="1" applyBorder="1" applyAlignment="1">
      <alignment vertical="center" shrinkToFit="1"/>
    </xf>
    <xf numFmtId="0" fontId="29" fillId="0" borderId="15" xfId="0" applyFont="1" applyBorder="1">
      <alignment vertical="center"/>
    </xf>
    <xf numFmtId="0" fontId="29" fillId="0" borderId="4" xfId="0" applyFont="1" applyBorder="1">
      <alignment vertical="center"/>
    </xf>
    <xf numFmtId="0" fontId="16" fillId="0" borderId="13" xfId="0" applyFont="1" applyBorder="1" applyAlignment="1">
      <alignment horizontal="center" shrinkToFit="1"/>
    </xf>
    <xf numFmtId="0" fontId="26" fillId="0" borderId="6" xfId="0" applyFont="1" applyBorder="1" applyAlignment="1">
      <alignment vertical="center" wrapText="1"/>
    </xf>
    <xf numFmtId="0" fontId="16" fillId="0" borderId="15" xfId="0" applyFont="1" applyBorder="1" applyAlignment="1">
      <alignment horizontal="center" shrinkToFit="1"/>
    </xf>
    <xf numFmtId="49" fontId="26" fillId="0" borderId="25" xfId="0" applyNumberFormat="1" applyFont="1" applyBorder="1" applyAlignment="1">
      <alignment horizontal="center" vertical="center"/>
    </xf>
    <xf numFmtId="0" fontId="26" fillId="0" borderId="22" xfId="0" applyFont="1" applyBorder="1" applyAlignment="1">
      <alignment horizontal="center" vertical="top" wrapText="1"/>
    </xf>
    <xf numFmtId="177" fontId="26" fillId="0" borderId="6" xfId="11" applyFont="1" applyBorder="1" applyAlignment="1">
      <alignment vertical="center" wrapText="1" shrinkToFit="1"/>
    </xf>
    <xf numFmtId="0" fontId="26" fillId="0" borderId="2" xfId="0" applyFont="1" applyBorder="1" applyAlignment="1">
      <alignment vertical="center" shrinkToFit="1"/>
    </xf>
    <xf numFmtId="0" fontId="26" fillId="0" borderId="3" xfId="0" applyFont="1" applyBorder="1" applyAlignment="1">
      <alignment vertical="center" shrinkToFit="1"/>
    </xf>
    <xf numFmtId="0" fontId="26" fillId="0" borderId="5" xfId="0" applyFont="1" applyBorder="1" applyAlignment="1">
      <alignment horizontal="center" vertical="center" shrinkToFit="1"/>
    </xf>
    <xf numFmtId="0" fontId="26" fillId="0" borderId="2" xfId="0" applyFont="1" applyBorder="1">
      <alignment vertical="center"/>
    </xf>
    <xf numFmtId="0" fontId="16" fillId="0" borderId="6" xfId="0" applyFont="1" applyBorder="1" applyAlignment="1"/>
    <xf numFmtId="0" fontId="26" fillId="0" borderId="17" xfId="0" applyFont="1" applyBorder="1" applyAlignment="1">
      <alignment vertical="center" shrinkToFit="1"/>
    </xf>
    <xf numFmtId="0" fontId="26" fillId="0" borderId="0" xfId="0" applyFont="1" applyAlignment="1">
      <alignment vertical="center" shrinkToFit="1"/>
    </xf>
    <xf numFmtId="0" fontId="26" fillId="0" borderId="20" xfId="0" applyFont="1" applyBorder="1" applyAlignment="1">
      <alignment vertical="center" shrinkToFit="1"/>
    </xf>
    <xf numFmtId="0" fontId="16" fillId="0" borderId="21" xfId="0" applyFont="1" applyBorder="1" applyAlignment="1"/>
    <xf numFmtId="0" fontId="26" fillId="0" borderId="23" xfId="0" applyFont="1" applyBorder="1" applyAlignment="1"/>
    <xf numFmtId="0" fontId="16" fillId="0" borderId="24" xfId="0" applyFont="1" applyBorder="1" applyAlignment="1"/>
    <xf numFmtId="49" fontId="26" fillId="0" borderId="19" xfId="0" applyNumberFormat="1" applyFont="1" applyBorder="1" applyAlignment="1">
      <alignment horizontal="center"/>
    </xf>
    <xf numFmtId="0" fontId="26" fillId="0" borderId="20" xfId="0" applyFont="1" applyBorder="1">
      <alignment vertical="center"/>
    </xf>
    <xf numFmtId="49" fontId="26" fillId="0" borderId="22" xfId="0" applyNumberFormat="1" applyFont="1" applyBorder="1" applyAlignment="1">
      <alignment horizontal="center" shrinkToFit="1"/>
    </xf>
    <xf numFmtId="0" fontId="26" fillId="0" borderId="23" xfId="0" applyFont="1" applyBorder="1" applyAlignment="1">
      <alignment vertical="center" shrinkToFit="1"/>
    </xf>
    <xf numFmtId="0" fontId="26" fillId="0" borderId="24" xfId="0" applyFont="1" applyBorder="1" applyAlignment="1">
      <alignment horizontal="center" shrinkToFit="1"/>
    </xf>
    <xf numFmtId="0" fontId="26" fillId="0" borderId="1" xfId="0" applyFont="1" applyBorder="1" applyAlignment="1">
      <alignment horizontal="left" vertical="center" shrinkToFit="1"/>
    </xf>
    <xf numFmtId="0" fontId="26" fillId="0" borderId="6" xfId="0" applyFont="1" applyBorder="1" applyAlignment="1">
      <alignment horizontal="left" vertical="center" shrinkToFit="1"/>
    </xf>
    <xf numFmtId="0" fontId="26" fillId="7" borderId="7" xfId="0" applyFont="1" applyFill="1" applyBorder="1" applyAlignment="1">
      <alignment horizontal="center" vertical="center"/>
    </xf>
    <xf numFmtId="0" fontId="5" fillId="0" borderId="0" xfId="7" applyFont="1">
      <alignment vertical="center"/>
    </xf>
    <xf numFmtId="0" fontId="26" fillId="7" borderId="10" xfId="0" applyFont="1" applyFill="1" applyBorder="1">
      <alignment vertical="center"/>
    </xf>
    <xf numFmtId="0" fontId="26" fillId="7" borderId="11" xfId="0" applyFont="1" applyFill="1" applyBorder="1">
      <alignment vertical="center"/>
    </xf>
    <xf numFmtId="49" fontId="26" fillId="0" borderId="28" xfId="0" applyNumberFormat="1" applyFont="1" applyBorder="1" applyAlignment="1">
      <alignment horizontal="center" vertical="center"/>
    </xf>
    <xf numFmtId="49" fontId="26" fillId="0" borderId="29" xfId="0" applyNumberFormat="1" applyFont="1" applyBorder="1" applyAlignment="1">
      <alignment horizontal="center" vertical="center"/>
    </xf>
    <xf numFmtId="49" fontId="26" fillId="0" borderId="30" xfId="0" applyNumberFormat="1" applyFont="1" applyBorder="1" applyAlignment="1">
      <alignment horizontal="center" vertical="center"/>
    </xf>
    <xf numFmtId="49" fontId="26" fillId="0" borderId="31" xfId="0" applyNumberFormat="1" applyFont="1" applyBorder="1" applyAlignment="1">
      <alignment horizontal="center" vertical="center"/>
    </xf>
    <xf numFmtId="0" fontId="26" fillId="0" borderId="30" xfId="0" applyFont="1" applyBorder="1" applyAlignment="1">
      <alignment horizontal="center" vertical="top" wrapText="1"/>
    </xf>
    <xf numFmtId="49" fontId="26" fillId="0" borderId="28" xfId="0" applyNumberFormat="1" applyFont="1" applyBorder="1" applyAlignment="1">
      <alignment horizontal="center" vertical="center" shrinkToFit="1"/>
    </xf>
    <xf numFmtId="49" fontId="26" fillId="0" borderId="29" xfId="0" applyNumberFormat="1" applyFont="1" applyBorder="1" applyAlignment="1">
      <alignment horizontal="center" vertical="center" shrinkToFit="1"/>
    </xf>
    <xf numFmtId="49" fontId="26" fillId="0" borderId="30" xfId="0" applyNumberFormat="1" applyFont="1" applyBorder="1" applyAlignment="1">
      <alignment horizontal="center" vertical="center" shrinkToFit="1"/>
    </xf>
    <xf numFmtId="49" fontId="26" fillId="0" borderId="29" xfId="0" applyNumberFormat="1" applyFont="1" applyBorder="1" applyAlignment="1">
      <alignment horizontal="center"/>
    </xf>
    <xf numFmtId="49" fontId="26" fillId="0" borderId="30" xfId="0" applyNumberFormat="1" applyFont="1" applyBorder="1" applyAlignment="1">
      <alignment horizontal="center" shrinkToFit="1"/>
    </xf>
    <xf numFmtId="0" fontId="26" fillId="0" borderId="0" xfId="0" applyFont="1" applyAlignment="1">
      <alignment horizontal="left" vertical="center" shrinkToFit="1"/>
    </xf>
    <xf numFmtId="0" fontId="24" fillId="0" borderId="6" xfId="7" applyFont="1" applyBorder="1" applyAlignment="1">
      <alignment horizontal="center" vertical="center" wrapText="1"/>
    </xf>
    <xf numFmtId="0" fontId="21" fillId="0" borderId="6" xfId="7" applyFont="1" applyBorder="1" applyAlignment="1">
      <alignment horizontal="center" vertical="center" wrapText="1"/>
    </xf>
    <xf numFmtId="0" fontId="21" fillId="0" borderId="6" xfId="7" applyFont="1" applyBorder="1" applyAlignment="1">
      <alignment horizontal="left" vertical="center" wrapText="1"/>
    </xf>
    <xf numFmtId="0" fontId="9" fillId="0" borderId="0" xfId="7" applyAlignment="1">
      <alignment vertical="center" wrapText="1"/>
    </xf>
    <xf numFmtId="0" fontId="21" fillId="0" borderId="0" xfId="7" applyFont="1" applyAlignment="1">
      <alignment vertical="center" wrapText="1"/>
    </xf>
    <xf numFmtId="0" fontId="24" fillId="0" borderId="1" xfId="7" applyFont="1" applyBorder="1" applyAlignment="1">
      <alignment horizontal="center" vertical="center" wrapText="1"/>
    </xf>
    <xf numFmtId="0" fontId="24" fillId="0" borderId="0" xfId="7" applyFont="1" applyAlignment="1">
      <alignment horizontal="center" vertical="center" wrapText="1"/>
    </xf>
    <xf numFmtId="49" fontId="10" fillId="0" borderId="0" xfId="0" applyNumberFormat="1" applyFont="1" applyAlignment="1">
      <alignment horizontal="center" vertical="center" wrapText="1" shrinkToFit="1"/>
    </xf>
    <xf numFmtId="0" fontId="3" fillId="8" borderId="0" xfId="7" applyFont="1" applyFill="1" applyAlignment="1">
      <alignment horizontal="center" vertical="center"/>
    </xf>
    <xf numFmtId="0" fontId="31" fillId="9" borderId="6" xfId="7" applyFont="1" applyFill="1" applyBorder="1" applyAlignment="1">
      <alignment vertical="center" wrapText="1"/>
    </xf>
    <xf numFmtId="0" fontId="9" fillId="0" borderId="6" xfId="7" applyBorder="1" applyAlignment="1">
      <alignment horizontal="left" vertical="top" wrapText="1"/>
    </xf>
    <xf numFmtId="0" fontId="22" fillId="0" borderId="6" xfId="7" applyFont="1" applyBorder="1" applyAlignment="1">
      <alignment horizontal="center" vertical="center" wrapText="1"/>
    </xf>
    <xf numFmtId="20" fontId="9" fillId="0" borderId="0" xfId="7" applyNumberFormat="1">
      <alignment vertical="center"/>
    </xf>
    <xf numFmtId="0" fontId="32" fillId="0" borderId="0" xfId="7" applyFont="1" applyAlignment="1">
      <alignment horizontal="left" vertical="center"/>
    </xf>
    <xf numFmtId="0" fontId="14" fillId="4" borderId="6" xfId="0" applyFont="1" applyFill="1" applyBorder="1" applyAlignment="1">
      <alignment horizontal="center" vertical="top" wrapText="1" shrinkToFit="1"/>
    </xf>
    <xf numFmtId="0" fontId="13" fillId="4" borderId="3" xfId="0" applyFont="1" applyFill="1" applyBorder="1" applyAlignment="1">
      <alignment horizontal="center" vertical="top" wrapText="1" shrinkToFit="1"/>
    </xf>
    <xf numFmtId="0" fontId="13" fillId="4" borderId="6" xfId="0" applyFont="1" applyFill="1" applyBorder="1" applyAlignment="1">
      <alignment horizontal="center" vertical="top" wrapText="1" shrinkToFit="1"/>
    </xf>
    <xf numFmtId="0" fontId="0" fillId="2" borderId="0" xfId="0" applyFill="1">
      <alignment vertical="center"/>
    </xf>
    <xf numFmtId="0" fontId="0" fillId="0" borderId="0" xfId="0" applyAlignment="1">
      <alignment vertical="center" shrinkToFit="1"/>
    </xf>
    <xf numFmtId="49" fontId="0" fillId="0" borderId="6" xfId="0" applyNumberFormat="1" applyBorder="1" applyAlignment="1">
      <alignment horizontal="center" vertical="center" wrapText="1" shrinkToFit="1"/>
    </xf>
    <xf numFmtId="0" fontId="10" fillId="2" borderId="6" xfId="0" applyFont="1" applyFill="1" applyBorder="1" applyAlignment="1">
      <alignment vertical="center" shrinkToFit="1"/>
    </xf>
    <xf numFmtId="0" fontId="0" fillId="2" borderId="6" xfId="0" applyFill="1" applyBorder="1" applyAlignment="1">
      <alignment vertical="center" shrinkToFit="1"/>
    </xf>
    <xf numFmtId="0" fontId="0" fillId="0" borderId="6" xfId="0" applyBorder="1" applyAlignment="1">
      <alignment vertical="center" shrinkToFit="1"/>
    </xf>
    <xf numFmtId="0" fontId="10" fillId="0" borderId="6" xfId="0" applyFont="1" applyBorder="1" applyAlignment="1">
      <alignment vertical="center" shrinkToFit="1"/>
    </xf>
    <xf numFmtId="0" fontId="0" fillId="10" borderId="6" xfId="0" applyFill="1" applyBorder="1" applyAlignment="1">
      <alignment vertical="center" shrinkToFit="1"/>
    </xf>
    <xf numFmtId="0" fontId="24" fillId="0" borderId="6" xfId="7" applyFont="1" applyBorder="1" applyAlignment="1">
      <alignment horizontal="left" vertical="center" wrapText="1"/>
    </xf>
    <xf numFmtId="0" fontId="24" fillId="0" borderId="0" xfId="7" applyFont="1" applyAlignment="1">
      <alignment horizontal="left" vertical="center" wrapText="1"/>
    </xf>
    <xf numFmtId="0" fontId="0" fillId="0" borderId="0" xfId="0" applyAlignment="1">
      <alignment horizontal="left" vertical="center"/>
    </xf>
    <xf numFmtId="0" fontId="9" fillId="0" borderId="0" xfId="7" applyAlignment="1">
      <alignment horizontal="left" vertical="center" shrinkToFit="1"/>
    </xf>
    <xf numFmtId="0" fontId="13" fillId="3" borderId="6" xfId="0" applyFont="1" applyFill="1" applyBorder="1" applyAlignment="1">
      <alignment horizontal="center" vertical="center" shrinkToFit="1"/>
    </xf>
    <xf numFmtId="0" fontId="0" fillId="0" borderId="6" xfId="0" applyBorder="1" applyAlignment="1">
      <alignment horizontal="left" vertical="center" shrinkToFit="1"/>
    </xf>
    <xf numFmtId="0" fontId="24" fillId="0" borderId="6" xfId="7" applyFont="1" applyBorder="1" applyAlignment="1">
      <alignment horizontal="left" vertical="center" shrinkToFit="1"/>
    </xf>
    <xf numFmtId="0" fontId="24" fillId="0" borderId="0" xfId="7" applyFont="1" applyAlignment="1">
      <alignment horizontal="left" vertical="center" shrinkToFit="1"/>
    </xf>
    <xf numFmtId="0" fontId="0" fillId="0" borderId="0" xfId="0" applyAlignment="1">
      <alignment horizontal="left" vertical="center" shrinkToFit="1"/>
    </xf>
    <xf numFmtId="0" fontId="22" fillId="3" borderId="6" xfId="7" applyFont="1" applyFill="1" applyBorder="1" applyAlignment="1">
      <alignment horizontal="center" vertical="center" shrinkToFit="1"/>
    </xf>
    <xf numFmtId="0" fontId="21" fillId="0" borderId="6" xfId="7" applyFont="1" applyBorder="1" applyAlignment="1">
      <alignment horizontal="left" vertical="center" shrinkToFit="1"/>
    </xf>
    <xf numFmtId="0" fontId="22" fillId="0" borderId="6" xfId="7" applyFont="1" applyBorder="1" applyAlignment="1">
      <alignment horizontal="left" vertical="center" shrinkToFit="1"/>
    </xf>
    <xf numFmtId="0" fontId="1" fillId="0" borderId="0" xfId="7" applyFont="1" applyAlignment="1">
      <alignment horizontal="left" vertical="center" shrinkToFit="1"/>
    </xf>
    <xf numFmtId="0" fontId="22" fillId="0" borderId="0" xfId="7" applyFont="1" applyAlignment="1">
      <alignment horizontal="left" vertical="center" shrinkToFit="1"/>
    </xf>
    <xf numFmtId="0" fontId="35" fillId="0" borderId="0" xfId="7" applyFont="1" applyAlignment="1">
      <alignment horizontal="left" vertical="center" shrinkToFit="1"/>
    </xf>
    <xf numFmtId="0" fontId="16" fillId="0" borderId="0" xfId="0" applyFont="1" applyAlignment="1">
      <alignment horizontal="left" vertical="center" shrinkToFit="1"/>
    </xf>
    <xf numFmtId="0" fontId="36" fillId="4" borderId="6" xfId="0" applyFont="1" applyFill="1" applyBorder="1" applyAlignment="1">
      <alignment horizontal="center" vertical="center" shrinkToFit="1"/>
    </xf>
    <xf numFmtId="0" fontId="1" fillId="0" borderId="0" xfId="7" applyFont="1" applyAlignment="1">
      <alignment horizontal="left" vertical="center"/>
    </xf>
    <xf numFmtId="0" fontId="22" fillId="0" borderId="6" xfId="7" applyFont="1" applyBorder="1" applyAlignment="1">
      <alignment horizontal="left" vertical="center" wrapText="1"/>
    </xf>
    <xf numFmtId="0" fontId="22" fillId="0" borderId="0" xfId="7" applyFont="1" applyAlignment="1">
      <alignment horizontal="left" vertical="center" wrapText="1"/>
    </xf>
    <xf numFmtId="0" fontId="10" fillId="0" borderId="0" xfId="0" applyFont="1" applyAlignment="1">
      <alignment horizontal="left" vertical="center"/>
    </xf>
    <xf numFmtId="0" fontId="35" fillId="0" borderId="0" xfId="7" applyFont="1" applyAlignment="1">
      <alignment horizontal="left" vertical="center"/>
    </xf>
    <xf numFmtId="0" fontId="22" fillId="0" borderId="0" xfId="7" applyFont="1" applyAlignment="1">
      <alignment horizontal="left" vertical="center"/>
    </xf>
    <xf numFmtId="0" fontId="37" fillId="0" borderId="6" xfId="7" applyFont="1" applyBorder="1" applyAlignment="1">
      <alignment horizontal="center" vertical="center" wrapText="1"/>
    </xf>
    <xf numFmtId="0" fontId="37" fillId="0" borderId="6" xfId="7" applyFont="1" applyBorder="1" applyAlignment="1">
      <alignment horizontal="left" vertical="center" wrapText="1"/>
    </xf>
    <xf numFmtId="0" fontId="37" fillId="0" borderId="6" xfId="7" applyFont="1" applyBorder="1" applyAlignment="1">
      <alignment horizontal="left" vertical="center" shrinkToFit="1"/>
    </xf>
    <xf numFmtId="0" fontId="38" fillId="0" borderId="6" xfId="0" applyFont="1" applyBorder="1" applyAlignment="1">
      <alignment horizontal="left" vertical="center" shrinkToFit="1"/>
    </xf>
    <xf numFmtId="0" fontId="38" fillId="0" borderId="6" xfId="0" applyFont="1" applyBorder="1" applyAlignment="1">
      <alignment horizontal="left" vertical="center" wrapText="1" shrinkToFit="1"/>
    </xf>
    <xf numFmtId="49" fontId="38" fillId="0" borderId="6" xfId="0" applyNumberFormat="1" applyFont="1" applyBorder="1" applyAlignment="1">
      <alignment horizontal="center" vertical="center" wrapText="1" shrinkToFit="1"/>
    </xf>
    <xf numFmtId="0" fontId="39" fillId="0" borderId="6" xfId="7" applyFont="1" applyBorder="1" applyAlignment="1">
      <alignment horizontal="center" vertical="center" wrapText="1"/>
    </xf>
    <xf numFmtId="0" fontId="40" fillId="0" borderId="1" xfId="0" applyFont="1" applyBorder="1" applyAlignment="1">
      <alignment horizontal="left" vertical="center" wrapText="1" shrinkToFit="1"/>
    </xf>
    <xf numFmtId="0" fontId="37" fillId="0" borderId="6" xfId="7" applyFont="1" applyBorder="1" applyAlignment="1">
      <alignment horizontal="left" vertical="top" wrapText="1"/>
    </xf>
    <xf numFmtId="0" fontId="37" fillId="0" borderId="0" xfId="7" applyFont="1" applyAlignment="1">
      <alignment vertical="center" wrapText="1"/>
    </xf>
    <xf numFmtId="0" fontId="39" fillId="0" borderId="1" xfId="7" applyFont="1" applyBorder="1" applyAlignment="1">
      <alignment horizontal="center" vertical="center" wrapText="1"/>
    </xf>
    <xf numFmtId="0" fontId="39" fillId="0" borderId="6" xfId="7" applyFont="1" applyBorder="1" applyAlignment="1">
      <alignment horizontal="left" vertical="center" shrinkToFit="1"/>
    </xf>
    <xf numFmtId="0" fontId="41" fillId="0" borderId="6" xfId="7" applyFont="1" applyBorder="1" applyAlignment="1">
      <alignment horizontal="center" vertical="center" wrapText="1"/>
    </xf>
    <xf numFmtId="0" fontId="37" fillId="0" borderId="1" xfId="7" applyFont="1" applyBorder="1" applyAlignment="1">
      <alignment horizontal="center" vertical="center" wrapText="1"/>
    </xf>
    <xf numFmtId="0" fontId="42" fillId="4" borderId="3" xfId="0" applyFont="1" applyFill="1" applyBorder="1" applyAlignment="1">
      <alignment horizontal="center" vertical="top" wrapText="1" shrinkToFit="1"/>
    </xf>
    <xf numFmtId="0" fontId="42" fillId="4" borderId="6" xfId="0" applyFont="1" applyFill="1" applyBorder="1" applyAlignment="1">
      <alignment horizontal="center" vertical="top" wrapText="1" shrinkToFit="1"/>
    </xf>
    <xf numFmtId="0" fontId="12" fillId="4" borderId="6" xfId="0" applyFont="1" applyFill="1" applyBorder="1" applyAlignment="1">
      <alignment horizontal="center" vertical="center" wrapText="1" shrinkToFit="1"/>
    </xf>
    <xf numFmtId="0" fontId="12" fillId="4" borderId="6" xfId="0" applyFont="1" applyFill="1" applyBorder="1" applyAlignment="1">
      <alignment horizontal="center" vertical="top" wrapText="1" shrinkToFit="1"/>
    </xf>
    <xf numFmtId="0" fontId="25" fillId="4" borderId="6" xfId="0" applyFont="1" applyFill="1" applyBorder="1" applyAlignment="1">
      <alignment horizontal="center" vertical="center" wrapText="1" shrinkToFit="1"/>
    </xf>
    <xf numFmtId="0" fontId="42" fillId="4" borderId="6" xfId="0" applyFont="1" applyFill="1" applyBorder="1" applyAlignment="1">
      <alignment horizontal="center" vertical="center" wrapText="1" shrinkToFit="1"/>
    </xf>
    <xf numFmtId="0" fontId="0" fillId="4" borderId="6" xfId="0" applyFill="1" applyBorder="1" applyAlignment="1">
      <alignment horizontal="left" vertical="center" wrapText="1" shrinkToFit="1"/>
    </xf>
    <xf numFmtId="0" fontId="42" fillId="3" borderId="6" xfId="0" applyFont="1" applyFill="1" applyBorder="1" applyAlignment="1">
      <alignment horizontal="center" vertical="center" wrapText="1" shrinkToFit="1"/>
    </xf>
    <xf numFmtId="0" fontId="43" fillId="9" borderId="6" xfId="7" applyFont="1" applyFill="1" applyBorder="1" applyAlignment="1">
      <alignment vertical="center" wrapText="1"/>
    </xf>
    <xf numFmtId="0" fontId="9" fillId="0" borderId="6" xfId="7" applyBorder="1" applyAlignment="1">
      <alignment vertical="center" textRotation="255"/>
    </xf>
    <xf numFmtId="0" fontId="9" fillId="0" borderId="13" xfId="7" applyBorder="1" applyAlignment="1">
      <alignment vertical="center" textRotation="255"/>
    </xf>
    <xf numFmtId="0" fontId="9" fillId="0" borderId="15" xfId="7" applyBorder="1" applyAlignment="1">
      <alignment vertical="center" textRotation="255"/>
    </xf>
    <xf numFmtId="0" fontId="9" fillId="0" borderId="4" xfId="7" applyBorder="1" applyAlignment="1">
      <alignment vertical="center" textRotation="255"/>
    </xf>
    <xf numFmtId="0" fontId="4" fillId="0" borderId="6" xfId="7" applyFont="1" applyBorder="1">
      <alignment vertical="center"/>
    </xf>
    <xf numFmtId="0" fontId="22" fillId="0" borderId="6" xfId="7" applyFont="1" applyBorder="1" applyAlignment="1">
      <alignment horizontal="center" vertical="center"/>
    </xf>
    <xf numFmtId="0" fontId="21" fillId="0" borderId="6" xfId="7" applyFont="1" applyBorder="1" applyAlignment="1">
      <alignment horizontal="center" vertical="center" textRotation="255"/>
    </xf>
    <xf numFmtId="0" fontId="21" fillId="0" borderId="6" xfId="7" applyFont="1" applyBorder="1" applyAlignment="1">
      <alignment vertical="center" textRotation="255"/>
    </xf>
    <xf numFmtId="0" fontId="34" fillId="4" borderId="6" xfId="0" applyFont="1" applyFill="1" applyBorder="1" applyAlignment="1">
      <alignment horizontal="center" vertical="top" wrapText="1" shrinkToFit="1"/>
    </xf>
    <xf numFmtId="0" fontId="38" fillId="0" borderId="6" xfId="0" applyFont="1" applyBorder="1" applyAlignment="1">
      <alignment horizontal="center" vertical="center" wrapText="1" shrinkToFit="1"/>
    </xf>
    <xf numFmtId="49" fontId="44" fillId="0" borderId="6" xfId="0" applyNumberFormat="1" applyFont="1" applyBorder="1" applyAlignment="1">
      <alignment horizontal="center" vertical="center" wrapText="1" shrinkToFit="1"/>
    </xf>
    <xf numFmtId="49" fontId="44" fillId="0" borderId="6" xfId="0" applyNumberFormat="1" applyFont="1" applyBorder="1" applyAlignment="1">
      <alignment horizontal="right" vertical="center" wrapText="1" shrinkToFit="1"/>
    </xf>
    <xf numFmtId="0" fontId="44" fillId="0" borderId="6" xfId="0" applyFont="1" applyBorder="1" applyAlignment="1">
      <alignment vertical="center" wrapText="1"/>
    </xf>
    <xf numFmtId="0" fontId="45" fillId="0" borderId="6" xfId="7" applyFont="1" applyBorder="1" applyAlignment="1">
      <alignment horizontal="center" vertical="center" wrapText="1"/>
    </xf>
    <xf numFmtId="38" fontId="45" fillId="0" borderId="6" xfId="16" applyFont="1" applyBorder="1" applyAlignment="1">
      <alignment horizontal="right" vertical="center" wrapText="1"/>
    </xf>
    <xf numFmtId="0" fontId="45" fillId="0" borderId="6" xfId="7" applyFont="1" applyBorder="1" applyAlignment="1">
      <alignment horizontal="left" vertical="center" wrapText="1"/>
    </xf>
    <xf numFmtId="0" fontId="46" fillId="0" borderId="1" xfId="0" applyFont="1" applyBorder="1" applyAlignment="1">
      <alignment horizontal="left" vertical="center" wrapText="1" shrinkToFit="1"/>
    </xf>
    <xf numFmtId="0" fontId="44" fillId="0" borderId="6" xfId="7" applyFont="1" applyBorder="1" applyAlignment="1">
      <alignment horizontal="center" vertical="center" wrapText="1"/>
    </xf>
    <xf numFmtId="0" fontId="44" fillId="0" borderId="6" xfId="7" applyFont="1" applyBorder="1" applyAlignment="1">
      <alignment vertical="center" wrapText="1"/>
    </xf>
    <xf numFmtId="0" fontId="44" fillId="0" borderId="6" xfId="7" applyFont="1" applyBorder="1" applyAlignment="1">
      <alignment horizontal="left" vertical="center" wrapText="1"/>
    </xf>
    <xf numFmtId="0" fontId="44" fillId="0" borderId="6" xfId="0" applyFont="1" applyBorder="1" applyAlignment="1">
      <alignment horizontal="center" vertical="center" wrapText="1" shrinkToFit="1"/>
    </xf>
    <xf numFmtId="0" fontId="44" fillId="0" borderId="6" xfId="0" applyFont="1" applyBorder="1" applyAlignment="1">
      <alignment horizontal="left" vertical="center" wrapText="1" shrinkToFit="1"/>
    </xf>
    <xf numFmtId="0" fontId="47" fillId="0" borderId="6" xfId="7" applyFont="1" applyBorder="1" applyAlignment="1">
      <alignment horizontal="left" vertical="top" wrapText="1"/>
    </xf>
    <xf numFmtId="0" fontId="47" fillId="0" borderId="0" xfId="7" applyFont="1" applyAlignment="1">
      <alignment vertical="center" wrapText="1"/>
    </xf>
    <xf numFmtId="0" fontId="44" fillId="0" borderId="0" xfId="7" applyFont="1" applyAlignment="1">
      <alignment vertical="center" wrapText="1"/>
    </xf>
    <xf numFmtId="0" fontId="45" fillId="0" borderId="6" xfId="7" applyFont="1" applyBorder="1" applyAlignment="1">
      <alignment horizontal="right" vertical="center" wrapText="1"/>
    </xf>
    <xf numFmtId="0" fontId="45" fillId="0" borderId="1" xfId="7" applyFont="1" applyBorder="1" applyAlignment="1">
      <alignment horizontal="left" vertical="center" wrapText="1"/>
    </xf>
    <xf numFmtId="0" fontId="23" fillId="5" borderId="7" xfId="7" applyFont="1" applyFill="1" applyBorder="1" applyAlignment="1">
      <alignment horizontal="center" vertical="center"/>
    </xf>
    <xf numFmtId="0" fontId="7" fillId="6" borderId="7" xfId="7" applyFont="1" applyFill="1" applyBorder="1" applyAlignment="1">
      <alignment horizontal="center" vertical="center"/>
    </xf>
    <xf numFmtId="0" fontId="0" fillId="10" borderId="6" xfId="0" applyFill="1" applyBorder="1" applyAlignment="1">
      <alignment horizontal="center" vertical="center" shrinkToFit="1"/>
    </xf>
    <xf numFmtId="0" fontId="16" fillId="0" borderId="13" xfId="0" applyFont="1" applyBorder="1" applyAlignment="1">
      <alignment vertical="top" textRotation="255" wrapText="1" shrinkToFit="1"/>
    </xf>
    <xf numFmtId="0" fontId="16" fillId="0" borderId="15" xfId="0" applyFont="1" applyBorder="1" applyAlignment="1">
      <alignment vertical="top" textRotation="255" wrapText="1" shrinkToFit="1"/>
    </xf>
    <xf numFmtId="0" fontId="16" fillId="0" borderId="4" xfId="0" applyFont="1" applyBorder="1" applyAlignment="1">
      <alignment vertical="top" textRotation="255" wrapText="1" shrinkToFit="1"/>
    </xf>
    <xf numFmtId="0" fontId="26" fillId="0" borderId="15" xfId="0" applyFont="1" applyBorder="1" applyAlignment="1">
      <alignment horizontal="center" vertical="top" textRotation="255" shrinkToFit="1"/>
    </xf>
    <xf numFmtId="0" fontId="26" fillId="0" borderId="4" xfId="0" applyFont="1" applyBorder="1" applyAlignment="1">
      <alignment horizontal="center" vertical="top" textRotation="255" shrinkToFit="1"/>
    </xf>
    <xf numFmtId="0" fontId="16" fillId="0" borderId="15" xfId="0" applyFont="1" applyBorder="1" applyAlignment="1">
      <alignment horizontal="center" vertical="top" textRotation="255" shrinkToFit="1"/>
    </xf>
    <xf numFmtId="0" fontId="16" fillId="0" borderId="4" xfId="0" applyFont="1" applyBorder="1" applyAlignment="1">
      <alignment horizontal="center" vertical="top" textRotation="255" shrinkToFit="1"/>
    </xf>
    <xf numFmtId="49" fontId="16" fillId="0" borderId="13" xfId="0" applyNumberFormat="1" applyFont="1" applyBorder="1" applyAlignment="1">
      <alignment horizontal="center" vertical="top" textRotation="255" shrinkToFit="1"/>
    </xf>
    <xf numFmtId="49" fontId="16" fillId="0" borderId="15" xfId="0" applyNumberFormat="1" applyFont="1" applyBorder="1" applyAlignment="1">
      <alignment horizontal="center" vertical="top" textRotation="255" shrinkToFit="1"/>
    </xf>
    <xf numFmtId="49" fontId="16" fillId="0" borderId="4" xfId="0" applyNumberFormat="1" applyFont="1" applyBorder="1" applyAlignment="1">
      <alignment horizontal="center" vertical="top" textRotation="255" shrinkToFit="1"/>
    </xf>
    <xf numFmtId="0" fontId="26" fillId="0" borderId="8" xfId="0" applyFont="1" applyBorder="1" applyAlignment="1">
      <alignment horizontal="center" vertical="center" shrinkToFit="1"/>
    </xf>
    <xf numFmtId="0" fontId="26" fillId="0" borderId="5" xfId="0" applyFont="1" applyBorder="1" applyAlignment="1">
      <alignment horizontal="center" vertical="center" shrinkToFit="1"/>
    </xf>
    <xf numFmtId="0" fontId="26" fillId="0" borderId="10" xfId="0" applyFont="1" applyBorder="1" applyAlignment="1">
      <alignment horizontal="center" vertical="center" shrinkToFit="1"/>
    </xf>
    <xf numFmtId="0" fontId="26" fillId="0" borderId="12" xfId="0" applyFont="1" applyBorder="1" applyAlignment="1">
      <alignment vertical="center" shrinkToFit="1"/>
    </xf>
    <xf numFmtId="0" fontId="26" fillId="0" borderId="0" xfId="0" applyFont="1" applyAlignment="1">
      <alignment vertical="center" shrinkToFit="1"/>
    </xf>
    <xf numFmtId="0" fontId="26" fillId="0" borderId="7" xfId="0" applyFont="1" applyBorder="1" applyAlignment="1">
      <alignment vertical="center" shrinkToFit="1"/>
    </xf>
    <xf numFmtId="0" fontId="26" fillId="0" borderId="12" xfId="0" applyFont="1" applyBorder="1" applyAlignment="1">
      <alignment horizontal="left" vertical="center" shrinkToFit="1"/>
    </xf>
    <xf numFmtId="0" fontId="26" fillId="0" borderId="0" xfId="0" applyFont="1" applyAlignment="1">
      <alignment horizontal="left" vertical="center" shrinkToFit="1"/>
    </xf>
    <xf numFmtId="0" fontId="26" fillId="0" borderId="7" xfId="0" applyFont="1" applyBorder="1" applyAlignment="1">
      <alignment horizontal="left" vertical="center" shrinkToFit="1"/>
    </xf>
    <xf numFmtId="0" fontId="26" fillId="0" borderId="9" xfId="0" applyFont="1" applyBorder="1" applyAlignment="1">
      <alignment horizontal="left" vertical="center" shrinkToFit="1"/>
    </xf>
    <xf numFmtId="0" fontId="26" fillId="0" borderId="14" xfId="0" applyFont="1" applyBorder="1" applyAlignment="1">
      <alignment horizontal="left" vertical="center" shrinkToFit="1"/>
    </xf>
    <xf numFmtId="0" fontId="26" fillId="0" borderId="11" xfId="0" applyFont="1" applyBorder="1" applyAlignment="1">
      <alignment horizontal="left" vertical="center" shrinkToFit="1"/>
    </xf>
    <xf numFmtId="0" fontId="30" fillId="0" borderId="13" xfId="0" applyFont="1" applyBorder="1" applyAlignment="1">
      <alignment vertical="center" wrapText="1"/>
    </xf>
    <xf numFmtId="0" fontId="30" fillId="0" borderId="15" xfId="0" applyFont="1" applyBorder="1" applyAlignment="1"/>
    <xf numFmtId="0" fontId="30" fillId="0" borderId="4" xfId="0" applyFont="1" applyBorder="1" applyAlignment="1"/>
    <xf numFmtId="0" fontId="16" fillId="0" borderId="0" xfId="0" applyFont="1">
      <alignment vertical="center"/>
    </xf>
    <xf numFmtId="0" fontId="16" fillId="0" borderId="7" xfId="0" applyFont="1" applyBorder="1">
      <alignment vertical="center"/>
    </xf>
    <xf numFmtId="0" fontId="29" fillId="0" borderId="13" xfId="0" applyFont="1" applyBorder="1" applyAlignment="1">
      <alignment horizontal="center" vertical="center"/>
    </xf>
    <xf numFmtId="0" fontId="29" fillId="0" borderId="15" xfId="0" applyFont="1" applyBorder="1" applyAlignment="1">
      <alignment horizontal="center" vertical="center"/>
    </xf>
    <xf numFmtId="0" fontId="29" fillId="0" borderId="4" xfId="0" applyFont="1" applyBorder="1" applyAlignment="1">
      <alignment horizontal="center" vertical="center"/>
    </xf>
    <xf numFmtId="0" fontId="29" fillId="0" borderId="13" xfId="0" applyFont="1" applyBorder="1" applyAlignment="1">
      <alignment vertical="center" wrapText="1"/>
    </xf>
    <xf numFmtId="0" fontId="29" fillId="0" borderId="15" xfId="0" applyFont="1" applyBorder="1">
      <alignment vertical="center"/>
    </xf>
    <xf numFmtId="0" fontId="29" fillId="0" borderId="4" xfId="0" applyFont="1" applyBorder="1">
      <alignment vertical="center"/>
    </xf>
    <xf numFmtId="0" fontId="26" fillId="0" borderId="6" xfId="0" applyFont="1" applyBorder="1" applyAlignment="1">
      <alignment horizontal="left" vertical="center" shrinkToFit="1"/>
    </xf>
    <xf numFmtId="0" fontId="26" fillId="0" borderId="6" xfId="0" applyFont="1" applyBorder="1" applyAlignment="1">
      <alignment vertical="center" shrinkToFit="1"/>
    </xf>
    <xf numFmtId="0" fontId="16" fillId="0" borderId="6" xfId="0" applyFont="1" applyBorder="1">
      <alignment vertical="center"/>
    </xf>
    <xf numFmtId="0" fontId="29" fillId="0" borderId="13" xfId="0" applyFont="1" applyBorder="1">
      <alignment vertical="center"/>
    </xf>
    <xf numFmtId="0" fontId="29" fillId="0" borderId="15" xfId="0" applyFont="1" applyBorder="1" applyAlignment="1">
      <alignment vertical="center" wrapText="1"/>
    </xf>
    <xf numFmtId="0" fontId="29" fillId="0" borderId="4" xfId="0" applyFont="1" applyBorder="1" applyAlignment="1">
      <alignment vertical="center" wrapText="1"/>
    </xf>
    <xf numFmtId="0" fontId="26" fillId="0" borderId="13" xfId="0" applyFont="1" applyBorder="1" applyAlignment="1">
      <alignment vertical="center" shrinkToFit="1"/>
    </xf>
    <xf numFmtId="0" fontId="26" fillId="0" borderId="15" xfId="0" applyFont="1" applyBorder="1" applyAlignment="1">
      <alignment vertical="center" shrinkToFit="1"/>
    </xf>
    <xf numFmtId="0" fontId="26" fillId="0" borderId="4" xfId="0" applyFont="1" applyBorder="1" applyAlignment="1">
      <alignment vertical="center" shrinkToFit="1"/>
    </xf>
    <xf numFmtId="0" fontId="26" fillId="0" borderId="13" xfId="0" applyFont="1" applyBorder="1" applyAlignment="1">
      <alignment vertical="center" wrapText="1"/>
    </xf>
    <xf numFmtId="0" fontId="26" fillId="0" borderId="15" xfId="0" applyFont="1" applyBorder="1">
      <alignment vertical="center"/>
    </xf>
    <xf numFmtId="0" fontId="26" fillId="0" borderId="4" xfId="0" applyFont="1" applyBorder="1">
      <alignment vertical="center"/>
    </xf>
    <xf numFmtId="0" fontId="28" fillId="0" borderId="15" xfId="0" applyFont="1" applyBorder="1" applyAlignment="1">
      <alignment horizontal="center" textRotation="255" wrapText="1"/>
    </xf>
    <xf numFmtId="0" fontId="28" fillId="0" borderId="4" xfId="0" applyFont="1" applyBorder="1" applyAlignment="1">
      <alignment horizontal="center" textRotation="255"/>
    </xf>
    <xf numFmtId="0" fontId="26" fillId="0" borderId="13" xfId="0" applyFont="1" applyBorder="1">
      <alignment vertical="center"/>
    </xf>
    <xf numFmtId="0" fontId="26" fillId="0" borderId="15" xfId="0" applyFont="1" applyBorder="1" applyAlignment="1">
      <alignment vertical="center" wrapText="1"/>
    </xf>
    <xf numFmtId="0" fontId="26" fillId="7" borderId="8" xfId="0" applyFont="1" applyFill="1" applyBorder="1" applyAlignment="1">
      <alignment horizontal="center" vertical="center" shrinkToFit="1"/>
    </xf>
    <xf numFmtId="0" fontId="26" fillId="7" borderId="12" xfId="0" applyFont="1" applyFill="1" applyBorder="1" applyAlignment="1">
      <alignment horizontal="center" vertical="center" shrinkToFit="1"/>
    </xf>
    <xf numFmtId="0" fontId="26" fillId="7" borderId="9" xfId="0" applyFont="1" applyFill="1" applyBorder="1" applyAlignment="1">
      <alignment horizontal="center" vertical="center" shrinkToFit="1"/>
    </xf>
    <xf numFmtId="0" fontId="26" fillId="7" borderId="8" xfId="0" applyFont="1" applyFill="1" applyBorder="1" applyAlignment="1">
      <alignment horizontal="center" vertical="center"/>
    </xf>
    <xf numFmtId="0" fontId="26" fillId="7" borderId="12" xfId="0" applyFont="1" applyFill="1" applyBorder="1" applyAlignment="1">
      <alignment horizontal="center" vertical="center"/>
    </xf>
    <xf numFmtId="0" fontId="26" fillId="7" borderId="9" xfId="0" applyFont="1" applyFill="1" applyBorder="1" applyAlignment="1">
      <alignment horizontal="center" vertical="center"/>
    </xf>
    <xf numFmtId="0" fontId="26" fillId="7" borderId="10" xfId="0" applyFont="1" applyFill="1" applyBorder="1" applyAlignment="1">
      <alignment horizontal="center" vertical="center" shrinkToFit="1"/>
    </xf>
    <xf numFmtId="0" fontId="26" fillId="7" borderId="6" xfId="0" applyFont="1" applyFill="1" applyBorder="1" applyAlignment="1">
      <alignment horizontal="center" vertical="center" wrapText="1" shrinkToFit="1"/>
    </xf>
    <xf numFmtId="0" fontId="26" fillId="7" borderId="6" xfId="0" applyFont="1" applyFill="1" applyBorder="1" applyAlignment="1">
      <alignment horizontal="center" vertical="center" shrinkToFit="1"/>
    </xf>
    <xf numFmtId="0" fontId="26" fillId="7" borderId="1" xfId="0" applyFont="1" applyFill="1" applyBorder="1" applyAlignment="1">
      <alignment horizontal="center" vertical="center" shrinkToFit="1"/>
    </xf>
    <xf numFmtId="0" fontId="26" fillId="7" borderId="3" xfId="0" applyFont="1" applyFill="1" applyBorder="1" applyAlignment="1">
      <alignment horizontal="center" vertical="center" shrinkToFit="1"/>
    </xf>
    <xf numFmtId="0" fontId="16" fillId="0" borderId="13" xfId="0" applyFont="1" applyBorder="1" applyAlignment="1">
      <alignment horizontal="center" vertical="top" textRotation="255" shrinkToFit="1"/>
    </xf>
  </cellXfs>
  <cellStyles count="17">
    <cellStyle name="Excel Built-in Hyperlink" xfId="3" xr:uid="{00000000-0005-0000-0000-000000000000}"/>
    <cellStyle name="Excel Built-in Normal" xfId="2" xr:uid="{00000000-0005-0000-0000-000001000000}"/>
    <cellStyle name="Excel Built-in Normal 1" xfId="5" xr:uid="{00000000-0005-0000-0000-000002000000}"/>
    <cellStyle name="桁区切り" xfId="16" builtinId="6"/>
    <cellStyle name="桁区切り 2" xfId="9" xr:uid="{00000000-0005-0000-0000-000003000000}"/>
    <cellStyle name="桁区切り 3" xfId="11" xr:uid="{00000000-0005-0000-0000-000004000000}"/>
    <cellStyle name="項目" xfId="1" xr:uid="{00000000-0005-0000-0000-000005000000}"/>
    <cellStyle name="標準" xfId="0" builtinId="0"/>
    <cellStyle name="標準 2" xfId="4" xr:uid="{00000000-0005-0000-0000-000007000000}"/>
    <cellStyle name="標準 3" xfId="6" xr:uid="{00000000-0005-0000-0000-000008000000}"/>
    <cellStyle name="標準 4" xfId="7" xr:uid="{00000000-0005-0000-0000-000009000000}"/>
    <cellStyle name="標準 4 3" xfId="13" xr:uid="{00000000-0005-0000-0000-00000A000000}"/>
    <cellStyle name="標準 5" xfId="8" xr:uid="{00000000-0005-0000-0000-00000B000000}"/>
    <cellStyle name="標準 6" xfId="10" xr:uid="{00000000-0005-0000-0000-00000C000000}"/>
    <cellStyle name="標準 7" xfId="12" xr:uid="{00000000-0005-0000-0000-00000D000000}"/>
    <cellStyle name="標準 8" xfId="14" xr:uid="{00000000-0005-0000-0000-00000E000000}"/>
    <cellStyle name="標準 9" xfId="15" xr:uid="{00000000-0005-0000-0000-00000F000000}"/>
  </cellStyles>
  <dxfs count="0"/>
  <tableStyles count="0" defaultTableStyle="TableStyleMedium2" defaultPivotStyle="PivotStyleLight16"/>
  <colors>
    <mruColors>
      <color rgb="FFF583DA"/>
      <color rgb="FFFF9966"/>
      <color rgb="FFCCCC00"/>
      <color rgb="FFFFFFCC"/>
      <color rgb="FFCCFFFF"/>
      <color rgb="FFF9ECFE"/>
      <color rgb="FFF8AACD"/>
      <color rgb="FF3399FF"/>
      <color rgb="FFFF66CC"/>
      <color rgb="FFDDFB7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4429</xdr:colOff>
      <xdr:row>2</xdr:row>
      <xdr:rowOff>771071</xdr:rowOff>
    </xdr:from>
    <xdr:to>
      <xdr:col>2</xdr:col>
      <xdr:colOff>974752</xdr:colOff>
      <xdr:row>2</xdr:row>
      <xdr:rowOff>1669142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18006786" y="1714500"/>
          <a:ext cx="3024895" cy="898071"/>
        </a:xfrm>
        <a:prstGeom prst="roundRect">
          <a:avLst>
            <a:gd name="adj" fmla="val 0"/>
          </a:avLst>
        </a:prstGeom>
        <a:solidFill>
          <a:srgbClr val="FFFF00"/>
        </a:solidFill>
        <a:ln w="19050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400" b="1">
              <a:solidFill>
                <a:schemeClr val="tx1"/>
              </a:solidFill>
            </a:rPr>
            <a:t>「契約種目・許認可等一覧表」を参照の上，プルダウンから選択してください。</a:t>
          </a:r>
          <a:endParaRPr kumimoji="1" lang="en-US" altLang="ja-JP" sz="1400" b="1">
            <a:solidFill>
              <a:schemeClr val="tx1"/>
            </a:solidFill>
          </a:endParaRPr>
        </a:p>
      </xdr:txBody>
    </xdr:sp>
    <xdr:clientData/>
  </xdr:twoCellAnchor>
  <xdr:twoCellAnchor>
    <xdr:from>
      <xdr:col>36</xdr:col>
      <xdr:colOff>144716</xdr:colOff>
      <xdr:row>2</xdr:row>
      <xdr:rowOff>1286649</xdr:rowOff>
    </xdr:from>
    <xdr:to>
      <xdr:col>36</xdr:col>
      <xdr:colOff>1734829</xdr:colOff>
      <xdr:row>2</xdr:row>
      <xdr:rowOff>1672878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1042787" y="2230078"/>
          <a:ext cx="1590113" cy="386229"/>
        </a:xfrm>
        <a:prstGeom prst="roundRect">
          <a:avLst>
            <a:gd name="adj" fmla="val 0"/>
          </a:avLst>
        </a:prstGeom>
        <a:solidFill>
          <a:srgbClr val="FFFF00"/>
        </a:solidFill>
        <a:ln w="19050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000" b="1">
              <a:solidFill>
                <a:srgbClr val="FF0000"/>
              </a:solidFill>
            </a:rPr>
            <a:t>法人名を記入してください。</a:t>
          </a:r>
        </a:p>
      </xdr:txBody>
    </xdr:sp>
    <xdr:clientData/>
  </xdr:twoCellAnchor>
  <xdr:twoCellAnchor>
    <xdr:from>
      <xdr:col>6</xdr:col>
      <xdr:colOff>0</xdr:colOff>
      <xdr:row>2</xdr:row>
      <xdr:rowOff>0</xdr:rowOff>
    </xdr:from>
    <xdr:to>
      <xdr:col>31</xdr:col>
      <xdr:colOff>0</xdr:colOff>
      <xdr:row>2</xdr:row>
      <xdr:rowOff>280147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26300206" y="515471"/>
          <a:ext cx="13514294" cy="280147"/>
        </a:xfrm>
        <a:prstGeom prst="rect">
          <a:avLst/>
        </a:prstGeom>
        <a:solidFill>
          <a:schemeClr val="accent3">
            <a:lumMod val="20000"/>
            <a:lumOff val="80000"/>
          </a:schemeClr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営業地域</a:t>
          </a:r>
        </a:p>
      </xdr:txBody>
    </xdr:sp>
    <xdr:clientData/>
  </xdr:twoCellAnchor>
  <xdr:twoCellAnchor>
    <xdr:from>
      <xdr:col>5</xdr:col>
      <xdr:colOff>49151</xdr:colOff>
      <xdr:row>2</xdr:row>
      <xdr:rowOff>707075</xdr:rowOff>
    </xdr:from>
    <xdr:to>
      <xdr:col>5</xdr:col>
      <xdr:colOff>1365597</xdr:colOff>
      <xdr:row>2</xdr:row>
      <xdr:rowOff>1911926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 txBox="1"/>
      </xdr:nvSpPr>
      <xdr:spPr>
        <a:xfrm>
          <a:off x="24225333" y="1649184"/>
          <a:ext cx="1316446" cy="1204851"/>
        </a:xfrm>
        <a:prstGeom prst="rect">
          <a:avLst/>
        </a:prstGeom>
        <a:solidFill>
          <a:srgbClr val="FFFF00"/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chemeClr val="tx1"/>
              </a:solidFill>
            </a:rPr>
            <a:t>物品－物品販売等を選択した場合，「○」または「</a:t>
          </a:r>
          <a:r>
            <a:rPr kumimoji="1" lang="en-US" altLang="ja-JP" sz="1100" b="1">
              <a:solidFill>
                <a:schemeClr val="tx1"/>
              </a:solidFill>
            </a:rPr>
            <a:t>×</a:t>
          </a:r>
          <a:r>
            <a:rPr kumimoji="1" lang="ja-JP" altLang="en-US" sz="1100" b="1">
              <a:solidFill>
                <a:schemeClr val="tx1"/>
              </a:solidFill>
            </a:rPr>
            <a:t>」を選択する。</a:t>
          </a:r>
          <a:endParaRPr kumimoji="1" lang="en-US" altLang="ja-JP" sz="1100" b="1">
            <a:solidFill>
              <a:schemeClr val="tx1"/>
            </a:solidFill>
          </a:endParaRPr>
        </a:p>
        <a:p>
          <a:r>
            <a:rPr kumimoji="1" lang="ja-JP" altLang="en-US" sz="1100" b="1">
              <a:solidFill>
                <a:schemeClr val="tx1"/>
              </a:solidFill>
            </a:rPr>
            <a:t>その他の業務は「－」を選択する。</a:t>
          </a:r>
        </a:p>
      </xdr:txBody>
    </xdr:sp>
    <xdr:clientData/>
  </xdr:twoCellAnchor>
  <xdr:twoCellAnchor>
    <xdr:from>
      <xdr:col>3</xdr:col>
      <xdr:colOff>36287</xdr:colOff>
      <xdr:row>2</xdr:row>
      <xdr:rowOff>588819</xdr:rowOff>
    </xdr:from>
    <xdr:to>
      <xdr:col>3</xdr:col>
      <xdr:colOff>2424546</xdr:colOff>
      <xdr:row>2</xdr:row>
      <xdr:rowOff>1870365</xdr:rowOff>
    </xdr:to>
    <xdr:sp macro="" textlink="">
      <xdr:nvSpPr>
        <xdr:cNvPr id="9" name="テキスト ボックス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 txBox="1"/>
      </xdr:nvSpPr>
      <xdr:spPr>
        <a:xfrm>
          <a:off x="44163014" y="1541319"/>
          <a:ext cx="2388259" cy="1281546"/>
        </a:xfrm>
        <a:prstGeom prst="roundRect">
          <a:avLst>
            <a:gd name="adj" fmla="val 0"/>
          </a:avLst>
        </a:prstGeom>
        <a:solidFill>
          <a:srgbClr val="FFFF00"/>
        </a:solidFill>
        <a:ln w="19050" cmpd="sng">
          <a:solidFill>
            <a:schemeClr val="accent6">
              <a:lumMod val="7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550" b="0">
              <a:solidFill>
                <a:schemeClr val="tx1"/>
              </a:solidFill>
            </a:rPr>
            <a:t>入札参加資格を取得している</a:t>
          </a:r>
          <a:r>
            <a:rPr kumimoji="1" lang="ja-JP" altLang="en-US" sz="1550" b="1">
              <a:solidFill>
                <a:schemeClr val="tx1"/>
              </a:solidFill>
            </a:rPr>
            <a:t>契約種目</a:t>
          </a:r>
          <a:r>
            <a:rPr kumimoji="1" lang="ja-JP" altLang="en-US" sz="1550" b="0">
              <a:solidFill>
                <a:schemeClr val="tx1"/>
              </a:solidFill>
            </a:rPr>
            <a:t>を確認の上</a:t>
          </a:r>
          <a:r>
            <a:rPr kumimoji="1" lang="ja-JP" altLang="en-US" sz="1550" b="1">
              <a:solidFill>
                <a:schemeClr val="tx1"/>
              </a:solidFill>
            </a:rPr>
            <a:t>、</a:t>
          </a:r>
          <a:r>
            <a:rPr kumimoji="1" lang="ja-JP" altLang="en-US" sz="1550" b="1">
              <a:solidFill>
                <a:srgbClr val="FF0000"/>
              </a:solidFill>
            </a:rPr>
            <a:t>資格がある場合のみ</a:t>
          </a:r>
          <a:r>
            <a:rPr kumimoji="1" lang="ja-JP" altLang="en-US" sz="1550" b="0">
              <a:solidFill>
                <a:schemeClr val="tx1"/>
              </a:solidFill>
            </a:rPr>
            <a:t>入力してください。</a:t>
          </a:r>
          <a:endParaRPr kumimoji="1" lang="en-US" altLang="ja-JP" sz="1550" b="0">
            <a:solidFill>
              <a:schemeClr val="tx1"/>
            </a:solidFill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0</xdr:colOff>
      <xdr:row>2</xdr:row>
      <xdr:rowOff>0</xdr:rowOff>
    </xdr:from>
    <xdr:to>
      <xdr:col>31</xdr:col>
      <xdr:colOff>0</xdr:colOff>
      <xdr:row>2</xdr:row>
      <xdr:rowOff>280147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25542240" y="937260"/>
          <a:ext cx="12123420" cy="280147"/>
        </a:xfrm>
        <a:prstGeom prst="rect">
          <a:avLst/>
        </a:prstGeom>
        <a:solidFill>
          <a:schemeClr val="accent3">
            <a:lumMod val="20000"/>
            <a:lumOff val="80000"/>
          </a:schemeClr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営業地域</a:t>
          </a:r>
        </a:p>
      </xdr:txBody>
    </xdr:sp>
    <xdr:clientData/>
  </xdr:twoCellAnchor>
  <xdr:twoCellAnchor>
    <xdr:from>
      <xdr:col>48</xdr:col>
      <xdr:colOff>2377074</xdr:colOff>
      <xdr:row>0</xdr:row>
      <xdr:rowOff>113207</xdr:rowOff>
    </xdr:from>
    <xdr:to>
      <xdr:col>49</xdr:col>
      <xdr:colOff>90236</xdr:colOff>
      <xdr:row>2</xdr:row>
      <xdr:rowOff>75107</xdr:rowOff>
    </xdr:to>
    <xdr:sp macro="" textlink="">
      <xdr:nvSpPr>
        <xdr:cNvPr id="7" name="Text Box 3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 txBox="1">
          <a:spLocks noChangeArrowheads="1"/>
        </xdr:cNvSpPr>
      </xdr:nvSpPr>
      <xdr:spPr bwMode="auto">
        <a:xfrm>
          <a:off x="42622706" y="113207"/>
          <a:ext cx="2144793" cy="89434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28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（入力例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BA263"/>
  <sheetViews>
    <sheetView view="pageBreakPreview" zoomScale="90" zoomScaleNormal="90" zoomScaleSheetLayoutView="90" workbookViewId="0">
      <selection activeCell="D5" sqref="D5"/>
    </sheetView>
  </sheetViews>
  <sheetFormatPr defaultColWidth="4.23046875" defaultRowHeight="20.25" customHeight="1" x14ac:dyDescent="0.25"/>
  <cols>
    <col min="1" max="3" width="15.15234375" style="1" customWidth="1"/>
    <col min="4" max="4" width="32.765625" style="1" customWidth="1"/>
    <col min="5" max="5" width="38.4609375" style="1" customWidth="1"/>
    <col min="6" max="6" width="20.4609375" style="1" customWidth="1"/>
    <col min="7" max="30" width="6.84375" style="1" customWidth="1"/>
    <col min="31" max="31" width="19.23046875" style="1" customWidth="1"/>
    <col min="32" max="33" width="16.4609375" style="1" bestFit="1" customWidth="1"/>
    <col min="34" max="34" width="14.15234375" style="1" customWidth="1"/>
    <col min="35" max="35" width="27.3828125" style="1" customWidth="1"/>
    <col min="36" max="36" width="16" style="4" customWidth="1"/>
    <col min="37" max="37" width="26.61328125" style="1" customWidth="1"/>
    <col min="38" max="38" width="25" style="1" bestFit="1" customWidth="1"/>
    <col min="39" max="39" width="14.765625" style="5" customWidth="1"/>
    <col min="40" max="40" width="30.84375" style="1" bestFit="1" customWidth="1"/>
    <col min="41" max="41" width="12.4609375" style="6" bestFit="1" customWidth="1"/>
    <col min="42" max="42" width="11.3828125" style="1" customWidth="1"/>
    <col min="43" max="43" width="12.4609375" style="1" bestFit="1" customWidth="1"/>
    <col min="44" max="45" width="13.84375" style="1" bestFit="1" customWidth="1"/>
    <col min="46" max="46" width="29" style="1" customWidth="1"/>
    <col min="47" max="47" width="28.765625" style="1" customWidth="1"/>
    <col min="48" max="48" width="64.61328125" style="1" customWidth="1"/>
    <col min="49" max="49" width="40.23046875" style="1" customWidth="1"/>
    <col min="50" max="51" width="11.61328125" style="1" customWidth="1"/>
    <col min="52" max="16384" width="4.23046875" style="1"/>
  </cols>
  <sheetData>
    <row r="1" spans="1:53" ht="54" customHeight="1" x14ac:dyDescent="0.25">
      <c r="A1" s="105" t="s">
        <v>1219</v>
      </c>
      <c r="AN1"/>
    </row>
    <row r="2" spans="1:53" ht="20.25" customHeight="1" x14ac:dyDescent="0.25">
      <c r="A2" s="191" t="s">
        <v>46</v>
      </c>
      <c r="B2" s="191"/>
      <c r="C2" s="191"/>
      <c r="D2" s="191"/>
      <c r="E2" s="191"/>
      <c r="F2" s="191"/>
      <c r="G2" s="191"/>
      <c r="H2" s="191"/>
      <c r="I2" s="191"/>
      <c r="J2" s="191"/>
      <c r="K2" s="191"/>
      <c r="L2" s="191"/>
      <c r="M2" s="191"/>
      <c r="N2" s="191"/>
      <c r="O2" s="191"/>
      <c r="P2" s="191"/>
      <c r="Q2" s="191"/>
      <c r="R2" s="191"/>
      <c r="S2" s="191"/>
      <c r="T2" s="191"/>
      <c r="U2" s="191"/>
      <c r="V2" s="191"/>
      <c r="W2" s="191"/>
      <c r="X2" s="191"/>
      <c r="Y2" s="191"/>
      <c r="Z2" s="191"/>
      <c r="AA2" s="191"/>
      <c r="AB2" s="191"/>
      <c r="AC2" s="191"/>
      <c r="AD2" s="191"/>
      <c r="AE2" s="191"/>
      <c r="AF2" s="191"/>
      <c r="AG2" s="191"/>
      <c r="AH2" s="191"/>
      <c r="AI2" s="191"/>
      <c r="AJ2" s="190" t="s">
        <v>1218</v>
      </c>
      <c r="AK2" s="190"/>
      <c r="AL2" s="190"/>
      <c r="AM2" s="190"/>
      <c r="AN2" s="190"/>
      <c r="AO2" s="190"/>
      <c r="AP2" s="190"/>
      <c r="AQ2" s="190"/>
      <c r="AR2" s="190"/>
      <c r="AS2" s="190"/>
      <c r="AT2" s="190"/>
      <c r="AU2" s="190"/>
      <c r="AV2" s="100" t="s">
        <v>995</v>
      </c>
    </row>
    <row r="3" spans="1:53" s="7" customFormat="1" ht="154.19999999999999" customHeight="1" x14ac:dyDescent="0.25">
      <c r="A3" s="154" t="s">
        <v>1002</v>
      </c>
      <c r="B3" s="155" t="s">
        <v>1003</v>
      </c>
      <c r="C3" s="155" t="s">
        <v>1004</v>
      </c>
      <c r="D3" s="155" t="s">
        <v>1005</v>
      </c>
      <c r="E3" s="156" t="s">
        <v>5</v>
      </c>
      <c r="F3" s="157" t="s">
        <v>1001</v>
      </c>
      <c r="G3" s="158" t="s">
        <v>6</v>
      </c>
      <c r="H3" s="158" t="s">
        <v>7</v>
      </c>
      <c r="I3" s="158" t="s">
        <v>8</v>
      </c>
      <c r="J3" s="158" t="s">
        <v>9</v>
      </c>
      <c r="K3" s="158" t="s">
        <v>10</v>
      </c>
      <c r="L3" s="158" t="s">
        <v>11</v>
      </c>
      <c r="M3" s="158" t="s">
        <v>12</v>
      </c>
      <c r="N3" s="158" t="s">
        <v>13</v>
      </c>
      <c r="O3" s="158" t="s">
        <v>14</v>
      </c>
      <c r="P3" s="158" t="s">
        <v>15</v>
      </c>
      <c r="Q3" s="158" t="s">
        <v>16</v>
      </c>
      <c r="R3" s="158" t="s">
        <v>17</v>
      </c>
      <c r="S3" s="158" t="s">
        <v>18</v>
      </c>
      <c r="T3" s="158" t="s">
        <v>19</v>
      </c>
      <c r="U3" s="158" t="s">
        <v>20</v>
      </c>
      <c r="V3" s="158" t="s">
        <v>21</v>
      </c>
      <c r="W3" s="158" t="s">
        <v>22</v>
      </c>
      <c r="X3" s="158" t="s">
        <v>23</v>
      </c>
      <c r="Y3" s="158" t="s">
        <v>24</v>
      </c>
      <c r="Z3" s="158" t="s">
        <v>25</v>
      </c>
      <c r="AA3" s="158" t="s">
        <v>26</v>
      </c>
      <c r="AB3" s="158" t="s">
        <v>27</v>
      </c>
      <c r="AC3" s="158" t="s">
        <v>28</v>
      </c>
      <c r="AD3" s="158" t="s">
        <v>29</v>
      </c>
      <c r="AE3" s="159" t="s">
        <v>30</v>
      </c>
      <c r="AF3" s="159" t="s">
        <v>31</v>
      </c>
      <c r="AG3" s="159" t="s">
        <v>32</v>
      </c>
      <c r="AH3" s="159" t="s">
        <v>33</v>
      </c>
      <c r="AI3" s="160" t="s">
        <v>1212</v>
      </c>
      <c r="AJ3" s="8" t="s">
        <v>58</v>
      </c>
      <c r="AK3" s="8" t="s">
        <v>40</v>
      </c>
      <c r="AL3" s="8" t="s">
        <v>41</v>
      </c>
      <c r="AM3" s="8" t="s">
        <v>57</v>
      </c>
      <c r="AN3" s="8" t="s">
        <v>42</v>
      </c>
      <c r="AO3" s="8" t="s">
        <v>43</v>
      </c>
      <c r="AP3" s="8" t="s">
        <v>45</v>
      </c>
      <c r="AQ3" s="8" t="s">
        <v>43</v>
      </c>
      <c r="AR3" s="161" t="s">
        <v>0</v>
      </c>
      <c r="AS3" s="161" t="s">
        <v>1</v>
      </c>
      <c r="AT3" s="161" t="s">
        <v>2</v>
      </c>
      <c r="AU3" s="161" t="s">
        <v>1076</v>
      </c>
      <c r="AV3" s="162" t="s">
        <v>1213</v>
      </c>
      <c r="AW3" s="1"/>
      <c r="AX3" s="1"/>
      <c r="AY3" s="1"/>
      <c r="AZ3" s="1"/>
      <c r="BA3" s="1"/>
    </row>
    <row r="4" spans="1:53" s="187" customFormat="1" ht="42.75" customHeight="1" x14ac:dyDescent="0.25">
      <c r="A4" s="173"/>
      <c r="B4" s="173"/>
      <c r="C4" s="173"/>
      <c r="D4" s="174"/>
      <c r="E4" s="175"/>
      <c r="F4" s="176"/>
      <c r="G4" s="176"/>
      <c r="H4" s="176"/>
      <c r="I4" s="176"/>
      <c r="J4" s="176"/>
      <c r="K4" s="176"/>
      <c r="L4" s="176"/>
      <c r="M4" s="176"/>
      <c r="N4" s="176"/>
      <c r="O4" s="176"/>
      <c r="P4" s="176"/>
      <c r="Q4" s="176"/>
      <c r="R4" s="176"/>
      <c r="S4" s="176"/>
      <c r="T4" s="176"/>
      <c r="U4" s="176"/>
      <c r="V4" s="176"/>
      <c r="W4" s="176"/>
      <c r="X4" s="176"/>
      <c r="Y4" s="176"/>
      <c r="Z4" s="176"/>
      <c r="AA4" s="176"/>
      <c r="AB4" s="176"/>
      <c r="AC4" s="176"/>
      <c r="AD4" s="176"/>
      <c r="AE4" s="176"/>
      <c r="AF4" s="177"/>
      <c r="AG4" s="177"/>
      <c r="AH4" s="178"/>
      <c r="AI4" s="179"/>
      <c r="AJ4" s="180"/>
      <c r="AK4" s="181"/>
      <c r="AL4" s="181"/>
      <c r="AM4" s="180"/>
      <c r="AN4" s="181"/>
      <c r="AO4" s="182"/>
      <c r="AP4" s="182"/>
      <c r="AQ4" s="182"/>
      <c r="AR4" s="183"/>
      <c r="AS4" s="183"/>
      <c r="AT4" s="184"/>
      <c r="AU4" s="184"/>
      <c r="AV4" s="185"/>
      <c r="AW4" s="186"/>
      <c r="AX4" s="186"/>
      <c r="AY4" s="186"/>
      <c r="AZ4" s="186"/>
      <c r="BA4" s="186"/>
    </row>
    <row r="5" spans="1:53" s="187" customFormat="1" ht="42.75" customHeight="1" x14ac:dyDescent="0.25">
      <c r="A5" s="173"/>
      <c r="B5" s="173"/>
      <c r="C5" s="173"/>
      <c r="D5" s="188"/>
      <c r="E5" s="176"/>
      <c r="F5" s="176"/>
      <c r="G5" s="176"/>
      <c r="H5" s="176"/>
      <c r="I5" s="176"/>
      <c r="J5" s="176"/>
      <c r="K5" s="176"/>
      <c r="L5" s="176"/>
      <c r="M5" s="176"/>
      <c r="N5" s="176"/>
      <c r="O5" s="176"/>
      <c r="P5" s="176"/>
      <c r="Q5" s="176"/>
      <c r="R5" s="176"/>
      <c r="S5" s="176"/>
      <c r="T5" s="176"/>
      <c r="U5" s="176"/>
      <c r="V5" s="176"/>
      <c r="W5" s="176"/>
      <c r="X5" s="176"/>
      <c r="Y5" s="176"/>
      <c r="Z5" s="176"/>
      <c r="AA5" s="176"/>
      <c r="AB5" s="176"/>
      <c r="AC5" s="176"/>
      <c r="AD5" s="176"/>
      <c r="AE5" s="176"/>
      <c r="AF5" s="177"/>
      <c r="AG5" s="177"/>
      <c r="AH5" s="178"/>
      <c r="AI5" s="189"/>
      <c r="AJ5" s="180"/>
      <c r="AK5" s="176"/>
      <c r="AL5" s="176"/>
      <c r="AM5" s="176"/>
      <c r="AN5" s="176"/>
      <c r="AO5" s="182"/>
      <c r="AP5" s="182"/>
      <c r="AQ5" s="182"/>
      <c r="AR5" s="176"/>
      <c r="AS5" s="176"/>
      <c r="AT5" s="176"/>
      <c r="AU5" s="176"/>
      <c r="AV5" s="185"/>
      <c r="AW5" s="186"/>
      <c r="AX5" s="186"/>
      <c r="AY5" s="186"/>
      <c r="AZ5" s="186"/>
      <c r="BA5" s="186"/>
    </row>
    <row r="6" spans="1:53" s="187" customFormat="1" ht="42.75" customHeight="1" x14ac:dyDescent="0.25">
      <c r="A6" s="173"/>
      <c r="B6" s="173"/>
      <c r="C6" s="173"/>
      <c r="D6" s="188"/>
      <c r="E6" s="176"/>
      <c r="F6" s="176"/>
      <c r="G6" s="176"/>
      <c r="H6" s="176"/>
      <c r="I6" s="176"/>
      <c r="J6" s="176"/>
      <c r="K6" s="176"/>
      <c r="L6" s="176"/>
      <c r="M6" s="176"/>
      <c r="N6" s="176"/>
      <c r="O6" s="176"/>
      <c r="P6" s="176"/>
      <c r="Q6" s="176"/>
      <c r="R6" s="176"/>
      <c r="S6" s="176"/>
      <c r="T6" s="176"/>
      <c r="U6" s="176"/>
      <c r="V6" s="176"/>
      <c r="W6" s="176"/>
      <c r="X6" s="176"/>
      <c r="Y6" s="176"/>
      <c r="Z6" s="176"/>
      <c r="AA6" s="176"/>
      <c r="AB6" s="176"/>
      <c r="AC6" s="176"/>
      <c r="AD6" s="176"/>
      <c r="AE6" s="176"/>
      <c r="AF6" s="177"/>
      <c r="AG6" s="177"/>
      <c r="AH6" s="178"/>
      <c r="AI6" s="189"/>
      <c r="AJ6" s="180"/>
      <c r="AK6" s="176"/>
      <c r="AL6" s="176"/>
      <c r="AM6" s="176"/>
      <c r="AN6" s="176"/>
      <c r="AO6" s="182"/>
      <c r="AP6" s="182"/>
      <c r="AQ6" s="182"/>
      <c r="AR6" s="176"/>
      <c r="AS6" s="176"/>
      <c r="AT6" s="176"/>
      <c r="AU6" s="176"/>
      <c r="AV6" s="185"/>
      <c r="AW6" s="186"/>
      <c r="AX6" s="186"/>
      <c r="AY6" s="186"/>
      <c r="AZ6" s="186"/>
      <c r="BA6" s="186"/>
    </row>
    <row r="7" spans="1:53" s="187" customFormat="1" ht="42.75" customHeight="1" x14ac:dyDescent="0.25">
      <c r="A7" s="173"/>
      <c r="B7" s="173"/>
      <c r="C7" s="173"/>
      <c r="D7" s="188"/>
      <c r="E7" s="176"/>
      <c r="F7" s="176"/>
      <c r="G7" s="176"/>
      <c r="H7" s="176"/>
      <c r="I7" s="176"/>
      <c r="J7" s="176"/>
      <c r="K7" s="176"/>
      <c r="L7" s="176"/>
      <c r="M7" s="176"/>
      <c r="N7" s="176"/>
      <c r="O7" s="176"/>
      <c r="P7" s="176"/>
      <c r="Q7" s="176"/>
      <c r="R7" s="176"/>
      <c r="S7" s="176"/>
      <c r="T7" s="176"/>
      <c r="U7" s="176"/>
      <c r="V7" s="176"/>
      <c r="W7" s="176"/>
      <c r="X7" s="176"/>
      <c r="Y7" s="176"/>
      <c r="Z7" s="176"/>
      <c r="AA7" s="176"/>
      <c r="AB7" s="176"/>
      <c r="AC7" s="176"/>
      <c r="AD7" s="176"/>
      <c r="AE7" s="176"/>
      <c r="AF7" s="177"/>
      <c r="AG7" s="177"/>
      <c r="AH7" s="178"/>
      <c r="AI7" s="189"/>
      <c r="AJ7" s="180"/>
      <c r="AK7" s="176"/>
      <c r="AL7" s="176"/>
      <c r="AM7" s="176"/>
      <c r="AN7" s="176"/>
      <c r="AO7" s="182"/>
      <c r="AP7" s="182"/>
      <c r="AQ7" s="182"/>
      <c r="AR7" s="176"/>
      <c r="AS7" s="176"/>
      <c r="AT7" s="176"/>
      <c r="AU7" s="176"/>
      <c r="AV7" s="185"/>
      <c r="AW7" s="186"/>
      <c r="AX7" s="186"/>
      <c r="AY7" s="186"/>
      <c r="AZ7" s="186"/>
      <c r="BA7" s="186"/>
    </row>
    <row r="8" spans="1:53" s="187" customFormat="1" ht="42.75" customHeight="1" x14ac:dyDescent="0.25">
      <c r="A8" s="173"/>
      <c r="B8" s="173"/>
      <c r="C8" s="173"/>
      <c r="D8" s="188"/>
      <c r="E8" s="176"/>
      <c r="F8" s="176"/>
      <c r="G8" s="176"/>
      <c r="H8" s="176"/>
      <c r="I8" s="176"/>
      <c r="J8" s="176"/>
      <c r="K8" s="176"/>
      <c r="L8" s="176"/>
      <c r="M8" s="176"/>
      <c r="N8" s="176"/>
      <c r="O8" s="176"/>
      <c r="P8" s="176"/>
      <c r="Q8" s="176"/>
      <c r="R8" s="176"/>
      <c r="S8" s="176"/>
      <c r="T8" s="176"/>
      <c r="U8" s="176"/>
      <c r="V8" s="176"/>
      <c r="W8" s="176"/>
      <c r="X8" s="176"/>
      <c r="Y8" s="176"/>
      <c r="Z8" s="176"/>
      <c r="AA8" s="176"/>
      <c r="AB8" s="176"/>
      <c r="AC8" s="176"/>
      <c r="AD8" s="176"/>
      <c r="AE8" s="176"/>
      <c r="AF8" s="177"/>
      <c r="AG8" s="177"/>
      <c r="AH8" s="178"/>
      <c r="AI8" s="189"/>
      <c r="AJ8" s="180"/>
      <c r="AK8" s="176"/>
      <c r="AL8" s="176"/>
      <c r="AM8" s="176"/>
      <c r="AN8" s="176"/>
      <c r="AO8" s="182"/>
      <c r="AP8" s="182"/>
      <c r="AQ8" s="182"/>
      <c r="AR8" s="176"/>
      <c r="AS8" s="176"/>
      <c r="AT8" s="176"/>
      <c r="AU8" s="176"/>
      <c r="AV8" s="185"/>
      <c r="AW8" s="186"/>
      <c r="AX8" s="186"/>
      <c r="AY8" s="186"/>
      <c r="AZ8" s="186"/>
      <c r="BA8" s="186"/>
    </row>
    <row r="9" spans="1:53" s="187" customFormat="1" ht="42.75" customHeight="1" x14ac:dyDescent="0.25">
      <c r="A9" s="173"/>
      <c r="B9" s="173"/>
      <c r="C9" s="173"/>
      <c r="D9" s="188"/>
      <c r="E9" s="176"/>
      <c r="F9" s="176"/>
      <c r="G9" s="176"/>
      <c r="H9" s="176"/>
      <c r="I9" s="176"/>
      <c r="J9" s="176"/>
      <c r="K9" s="176"/>
      <c r="L9" s="176"/>
      <c r="M9" s="176"/>
      <c r="N9" s="176"/>
      <c r="O9" s="176"/>
      <c r="P9" s="176"/>
      <c r="Q9" s="176"/>
      <c r="R9" s="176"/>
      <c r="S9" s="176"/>
      <c r="T9" s="176"/>
      <c r="U9" s="176"/>
      <c r="V9" s="176"/>
      <c r="W9" s="176"/>
      <c r="X9" s="176"/>
      <c r="Y9" s="176"/>
      <c r="Z9" s="176"/>
      <c r="AA9" s="176"/>
      <c r="AB9" s="176"/>
      <c r="AC9" s="176"/>
      <c r="AD9" s="176"/>
      <c r="AE9" s="176"/>
      <c r="AF9" s="177"/>
      <c r="AG9" s="177"/>
      <c r="AH9" s="178"/>
      <c r="AI9" s="189"/>
      <c r="AJ9" s="180"/>
      <c r="AK9" s="176"/>
      <c r="AL9" s="176"/>
      <c r="AM9" s="176"/>
      <c r="AN9" s="176"/>
      <c r="AO9" s="182"/>
      <c r="AP9" s="182"/>
      <c r="AQ9" s="182"/>
      <c r="AR9" s="176"/>
      <c r="AS9" s="176"/>
      <c r="AT9" s="176"/>
      <c r="AU9" s="176"/>
      <c r="AV9" s="185"/>
      <c r="AW9" s="186"/>
      <c r="AX9" s="186"/>
      <c r="AY9" s="186"/>
      <c r="AZ9" s="186"/>
      <c r="BA9" s="186"/>
    </row>
    <row r="10" spans="1:53" s="187" customFormat="1" ht="42.75" customHeight="1" x14ac:dyDescent="0.25">
      <c r="A10" s="173"/>
      <c r="B10" s="173"/>
      <c r="C10" s="173"/>
      <c r="D10" s="188"/>
      <c r="E10" s="176"/>
      <c r="F10" s="176"/>
      <c r="G10" s="176"/>
      <c r="H10" s="176"/>
      <c r="I10" s="176"/>
      <c r="J10" s="176"/>
      <c r="K10" s="176"/>
      <c r="L10" s="176"/>
      <c r="M10" s="176"/>
      <c r="N10" s="176"/>
      <c r="O10" s="176"/>
      <c r="P10" s="176"/>
      <c r="Q10" s="176"/>
      <c r="R10" s="176"/>
      <c r="S10" s="176"/>
      <c r="T10" s="176"/>
      <c r="U10" s="176"/>
      <c r="V10" s="176"/>
      <c r="W10" s="176"/>
      <c r="X10" s="176"/>
      <c r="Y10" s="176"/>
      <c r="Z10" s="176"/>
      <c r="AA10" s="176"/>
      <c r="AB10" s="176"/>
      <c r="AC10" s="176"/>
      <c r="AD10" s="176"/>
      <c r="AE10" s="176"/>
      <c r="AF10" s="177"/>
      <c r="AG10" s="177"/>
      <c r="AH10" s="178"/>
      <c r="AI10" s="189"/>
      <c r="AJ10" s="180"/>
      <c r="AK10" s="176"/>
      <c r="AL10" s="176"/>
      <c r="AM10" s="176"/>
      <c r="AN10" s="176"/>
      <c r="AO10" s="182"/>
      <c r="AP10" s="182"/>
      <c r="AQ10" s="182"/>
      <c r="AR10" s="176"/>
      <c r="AS10" s="176"/>
      <c r="AT10" s="176"/>
      <c r="AU10" s="176"/>
      <c r="AV10" s="185"/>
      <c r="AW10" s="186"/>
      <c r="AX10" s="186"/>
      <c r="AY10" s="186"/>
      <c r="AZ10" s="186"/>
      <c r="BA10" s="186"/>
    </row>
    <row r="11" spans="1:53" s="187" customFormat="1" ht="42.75" customHeight="1" x14ac:dyDescent="0.25">
      <c r="A11" s="173"/>
      <c r="B11" s="173"/>
      <c r="C11" s="173"/>
      <c r="D11" s="188"/>
      <c r="E11" s="176"/>
      <c r="F11" s="176"/>
      <c r="G11" s="176"/>
      <c r="H11" s="176"/>
      <c r="I11" s="176"/>
      <c r="J11" s="176"/>
      <c r="K11" s="176"/>
      <c r="L11" s="176"/>
      <c r="M11" s="176"/>
      <c r="N11" s="176"/>
      <c r="O11" s="176"/>
      <c r="P11" s="176"/>
      <c r="Q11" s="176"/>
      <c r="R11" s="176"/>
      <c r="S11" s="176"/>
      <c r="T11" s="176"/>
      <c r="U11" s="176"/>
      <c r="V11" s="176"/>
      <c r="W11" s="176"/>
      <c r="X11" s="176"/>
      <c r="Y11" s="176"/>
      <c r="Z11" s="176"/>
      <c r="AA11" s="176"/>
      <c r="AB11" s="176"/>
      <c r="AC11" s="176"/>
      <c r="AD11" s="176"/>
      <c r="AE11" s="176"/>
      <c r="AF11" s="177"/>
      <c r="AG11" s="177"/>
      <c r="AH11" s="178"/>
      <c r="AI11" s="189"/>
      <c r="AJ11" s="180"/>
      <c r="AK11" s="176"/>
      <c r="AL11" s="176"/>
      <c r="AM11" s="176"/>
      <c r="AN11" s="176"/>
      <c r="AO11" s="182"/>
      <c r="AP11" s="182"/>
      <c r="AQ11" s="182"/>
      <c r="AR11" s="176"/>
      <c r="AS11" s="176"/>
      <c r="AT11" s="176"/>
      <c r="AU11" s="176"/>
      <c r="AV11" s="185"/>
      <c r="AW11" s="186"/>
      <c r="AX11" s="186"/>
      <c r="AY11" s="186"/>
      <c r="AZ11" s="186"/>
      <c r="BA11" s="186"/>
    </row>
    <row r="12" spans="1:53" s="187" customFormat="1" ht="42.75" customHeight="1" x14ac:dyDescent="0.25">
      <c r="A12" s="173"/>
      <c r="B12" s="173"/>
      <c r="C12" s="173"/>
      <c r="D12" s="188"/>
      <c r="E12" s="176"/>
      <c r="F12" s="176"/>
      <c r="G12" s="176"/>
      <c r="H12" s="176"/>
      <c r="I12" s="176"/>
      <c r="J12" s="176"/>
      <c r="K12" s="176"/>
      <c r="L12" s="176"/>
      <c r="M12" s="176"/>
      <c r="N12" s="176"/>
      <c r="O12" s="176"/>
      <c r="P12" s="176"/>
      <c r="Q12" s="176"/>
      <c r="R12" s="176"/>
      <c r="S12" s="176"/>
      <c r="T12" s="176"/>
      <c r="U12" s="176"/>
      <c r="V12" s="176"/>
      <c r="W12" s="176"/>
      <c r="X12" s="176"/>
      <c r="Y12" s="176"/>
      <c r="Z12" s="176"/>
      <c r="AA12" s="176"/>
      <c r="AB12" s="176"/>
      <c r="AC12" s="176"/>
      <c r="AD12" s="176"/>
      <c r="AE12" s="176"/>
      <c r="AF12" s="177"/>
      <c r="AG12" s="177"/>
      <c r="AH12" s="178"/>
      <c r="AI12" s="189"/>
      <c r="AJ12" s="180"/>
      <c r="AK12" s="176"/>
      <c r="AL12" s="176"/>
      <c r="AM12" s="176"/>
      <c r="AN12" s="176"/>
      <c r="AO12" s="182"/>
      <c r="AP12" s="182"/>
      <c r="AQ12" s="182"/>
      <c r="AR12" s="176"/>
      <c r="AS12" s="176"/>
      <c r="AT12" s="176"/>
      <c r="AU12" s="176"/>
      <c r="AV12" s="185"/>
      <c r="AW12" s="186"/>
      <c r="AX12" s="186"/>
      <c r="AY12" s="186"/>
      <c r="AZ12" s="186"/>
      <c r="BA12" s="186"/>
    </row>
    <row r="13" spans="1:53" s="187" customFormat="1" ht="42.75" customHeight="1" x14ac:dyDescent="0.25">
      <c r="A13" s="173"/>
      <c r="B13" s="173"/>
      <c r="C13" s="173"/>
      <c r="D13" s="188"/>
      <c r="E13" s="176"/>
      <c r="F13" s="176"/>
      <c r="G13" s="176"/>
      <c r="H13" s="176"/>
      <c r="I13" s="176"/>
      <c r="J13" s="176"/>
      <c r="K13" s="176"/>
      <c r="L13" s="176"/>
      <c r="M13" s="176"/>
      <c r="N13" s="176"/>
      <c r="O13" s="176"/>
      <c r="P13" s="176"/>
      <c r="Q13" s="176"/>
      <c r="R13" s="176"/>
      <c r="S13" s="176"/>
      <c r="T13" s="176"/>
      <c r="U13" s="176"/>
      <c r="V13" s="176"/>
      <c r="W13" s="176"/>
      <c r="X13" s="176"/>
      <c r="Y13" s="176"/>
      <c r="Z13" s="176"/>
      <c r="AA13" s="176"/>
      <c r="AB13" s="176"/>
      <c r="AC13" s="176"/>
      <c r="AD13" s="176"/>
      <c r="AE13" s="176"/>
      <c r="AF13" s="177"/>
      <c r="AG13" s="177"/>
      <c r="AH13" s="178"/>
      <c r="AI13" s="189"/>
      <c r="AJ13" s="180"/>
      <c r="AK13" s="176"/>
      <c r="AL13" s="176"/>
      <c r="AM13" s="176"/>
      <c r="AN13" s="176"/>
      <c r="AO13" s="182"/>
      <c r="AP13" s="182"/>
      <c r="AQ13" s="182"/>
      <c r="AR13" s="176"/>
      <c r="AS13" s="176"/>
      <c r="AT13" s="176"/>
      <c r="AU13" s="176"/>
      <c r="AV13" s="185"/>
      <c r="AW13" s="186"/>
      <c r="AX13" s="186"/>
      <c r="AY13" s="186"/>
      <c r="AZ13" s="186"/>
      <c r="BA13" s="186"/>
    </row>
    <row r="14" spans="1:53" s="187" customFormat="1" ht="42.75" customHeight="1" x14ac:dyDescent="0.25">
      <c r="A14" s="173"/>
      <c r="B14" s="173"/>
      <c r="C14" s="173"/>
      <c r="D14" s="188"/>
      <c r="E14" s="176"/>
      <c r="F14" s="176"/>
      <c r="G14" s="176"/>
      <c r="H14" s="176"/>
      <c r="I14" s="176"/>
      <c r="J14" s="176"/>
      <c r="K14" s="176"/>
      <c r="L14" s="176"/>
      <c r="M14" s="176"/>
      <c r="N14" s="176"/>
      <c r="O14" s="176"/>
      <c r="P14" s="176"/>
      <c r="Q14" s="176"/>
      <c r="R14" s="176"/>
      <c r="S14" s="176"/>
      <c r="T14" s="176"/>
      <c r="U14" s="176"/>
      <c r="V14" s="176"/>
      <c r="W14" s="176"/>
      <c r="X14" s="176"/>
      <c r="Y14" s="176"/>
      <c r="Z14" s="176"/>
      <c r="AA14" s="176"/>
      <c r="AB14" s="176"/>
      <c r="AC14" s="176"/>
      <c r="AD14" s="176"/>
      <c r="AE14" s="176"/>
      <c r="AF14" s="177"/>
      <c r="AG14" s="177"/>
      <c r="AH14" s="178"/>
      <c r="AI14" s="189"/>
      <c r="AJ14" s="180"/>
      <c r="AK14" s="176"/>
      <c r="AL14" s="176"/>
      <c r="AM14" s="176"/>
      <c r="AN14" s="176"/>
      <c r="AO14" s="182"/>
      <c r="AP14" s="182"/>
      <c r="AQ14" s="182"/>
      <c r="AR14" s="176"/>
      <c r="AS14" s="176"/>
      <c r="AT14" s="176"/>
      <c r="AU14" s="176"/>
      <c r="AV14" s="185"/>
      <c r="AW14" s="186"/>
      <c r="AX14" s="186"/>
      <c r="AY14" s="186"/>
      <c r="AZ14" s="186"/>
      <c r="BA14" s="186"/>
    </row>
    <row r="15" spans="1:53" s="187" customFormat="1" ht="42.75" customHeight="1" x14ac:dyDescent="0.25">
      <c r="A15" s="173"/>
      <c r="B15" s="173"/>
      <c r="C15" s="173"/>
      <c r="D15" s="188"/>
      <c r="E15" s="176"/>
      <c r="F15" s="176"/>
      <c r="G15" s="176"/>
      <c r="H15" s="176"/>
      <c r="I15" s="176"/>
      <c r="J15" s="176"/>
      <c r="K15" s="176"/>
      <c r="L15" s="176"/>
      <c r="M15" s="176"/>
      <c r="N15" s="176"/>
      <c r="O15" s="176"/>
      <c r="P15" s="176"/>
      <c r="Q15" s="176"/>
      <c r="R15" s="176"/>
      <c r="S15" s="176"/>
      <c r="T15" s="176"/>
      <c r="U15" s="176"/>
      <c r="V15" s="176"/>
      <c r="W15" s="176"/>
      <c r="X15" s="176"/>
      <c r="Y15" s="176"/>
      <c r="Z15" s="176"/>
      <c r="AA15" s="176"/>
      <c r="AB15" s="176"/>
      <c r="AC15" s="176"/>
      <c r="AD15" s="176"/>
      <c r="AE15" s="176"/>
      <c r="AF15" s="177"/>
      <c r="AG15" s="177"/>
      <c r="AH15" s="178"/>
      <c r="AI15" s="189"/>
      <c r="AJ15" s="180"/>
      <c r="AK15" s="176"/>
      <c r="AL15" s="176"/>
      <c r="AM15" s="176"/>
      <c r="AN15" s="176"/>
      <c r="AO15" s="182"/>
      <c r="AP15" s="182"/>
      <c r="AQ15" s="182"/>
      <c r="AR15" s="176"/>
      <c r="AS15" s="176"/>
      <c r="AT15" s="176"/>
      <c r="AU15" s="176"/>
      <c r="AV15" s="185"/>
      <c r="AW15" s="186"/>
      <c r="AX15" s="186"/>
      <c r="AY15" s="186"/>
      <c r="AZ15" s="186"/>
      <c r="BA15" s="186"/>
    </row>
    <row r="16" spans="1:53" s="187" customFormat="1" ht="42.75" customHeight="1" x14ac:dyDescent="0.25">
      <c r="A16" s="173"/>
      <c r="B16" s="173"/>
      <c r="C16" s="173"/>
      <c r="D16" s="188"/>
      <c r="E16" s="176"/>
      <c r="F16" s="176"/>
      <c r="G16" s="176"/>
      <c r="H16" s="176"/>
      <c r="I16" s="176"/>
      <c r="J16" s="176"/>
      <c r="K16" s="176"/>
      <c r="L16" s="176"/>
      <c r="M16" s="176"/>
      <c r="N16" s="176"/>
      <c r="O16" s="176"/>
      <c r="P16" s="176"/>
      <c r="Q16" s="176"/>
      <c r="R16" s="176"/>
      <c r="S16" s="176"/>
      <c r="T16" s="176"/>
      <c r="U16" s="176"/>
      <c r="V16" s="176"/>
      <c r="W16" s="176"/>
      <c r="X16" s="176"/>
      <c r="Y16" s="176"/>
      <c r="Z16" s="176"/>
      <c r="AA16" s="176"/>
      <c r="AB16" s="176"/>
      <c r="AC16" s="176"/>
      <c r="AD16" s="176"/>
      <c r="AE16" s="176"/>
      <c r="AF16" s="177"/>
      <c r="AG16" s="177"/>
      <c r="AH16" s="178"/>
      <c r="AI16" s="189"/>
      <c r="AJ16" s="180"/>
      <c r="AK16" s="176"/>
      <c r="AL16" s="176"/>
      <c r="AM16" s="176"/>
      <c r="AN16" s="176"/>
      <c r="AO16" s="182"/>
      <c r="AP16" s="182"/>
      <c r="AQ16" s="182"/>
      <c r="AR16" s="176"/>
      <c r="AS16" s="176"/>
      <c r="AT16" s="176"/>
      <c r="AU16" s="176"/>
      <c r="AW16" s="186"/>
      <c r="AX16" s="186"/>
      <c r="AY16" s="186"/>
      <c r="AZ16" s="186"/>
      <c r="BA16" s="186"/>
    </row>
    <row r="17" spans="1:53" s="187" customFormat="1" ht="42.75" customHeight="1" x14ac:dyDescent="0.25">
      <c r="A17" s="173"/>
      <c r="B17" s="173"/>
      <c r="C17" s="173"/>
      <c r="D17" s="188"/>
      <c r="E17" s="176"/>
      <c r="F17" s="176"/>
      <c r="G17" s="176"/>
      <c r="H17" s="176"/>
      <c r="I17" s="176"/>
      <c r="J17" s="176"/>
      <c r="K17" s="176"/>
      <c r="L17" s="176"/>
      <c r="M17" s="176"/>
      <c r="N17" s="176"/>
      <c r="O17" s="176"/>
      <c r="P17" s="176"/>
      <c r="Q17" s="176"/>
      <c r="R17" s="176"/>
      <c r="S17" s="176"/>
      <c r="T17" s="176"/>
      <c r="U17" s="176"/>
      <c r="V17" s="176"/>
      <c r="W17" s="176"/>
      <c r="X17" s="176"/>
      <c r="Y17" s="176"/>
      <c r="Z17" s="176"/>
      <c r="AA17" s="176"/>
      <c r="AB17" s="176"/>
      <c r="AC17" s="176"/>
      <c r="AD17" s="176"/>
      <c r="AE17" s="176"/>
      <c r="AF17" s="177"/>
      <c r="AG17" s="177"/>
      <c r="AH17" s="178"/>
      <c r="AI17" s="189"/>
      <c r="AJ17" s="180"/>
      <c r="AK17" s="176"/>
      <c r="AL17" s="176"/>
      <c r="AM17" s="176"/>
      <c r="AN17" s="176"/>
      <c r="AO17" s="182"/>
      <c r="AP17" s="182"/>
      <c r="AQ17" s="182"/>
      <c r="AR17" s="176"/>
      <c r="AS17" s="176"/>
      <c r="AT17" s="176"/>
      <c r="AU17" s="176"/>
      <c r="AV17" s="185"/>
      <c r="AW17" s="186"/>
      <c r="AX17" s="186"/>
      <c r="AY17" s="186"/>
      <c r="AZ17" s="186"/>
      <c r="BA17" s="186"/>
    </row>
    <row r="18" spans="1:53" s="187" customFormat="1" ht="42.75" customHeight="1" x14ac:dyDescent="0.25">
      <c r="A18" s="173"/>
      <c r="B18" s="173"/>
      <c r="C18" s="173"/>
      <c r="D18" s="188"/>
      <c r="E18" s="176"/>
      <c r="F18" s="176"/>
      <c r="G18" s="176"/>
      <c r="H18" s="176"/>
      <c r="I18" s="176"/>
      <c r="J18" s="176"/>
      <c r="K18" s="176"/>
      <c r="L18" s="176"/>
      <c r="M18" s="176"/>
      <c r="N18" s="176"/>
      <c r="O18" s="176"/>
      <c r="P18" s="176"/>
      <c r="Q18" s="176"/>
      <c r="R18" s="176"/>
      <c r="S18" s="176"/>
      <c r="T18" s="176"/>
      <c r="U18" s="176"/>
      <c r="V18" s="176"/>
      <c r="W18" s="176"/>
      <c r="X18" s="176"/>
      <c r="Y18" s="176"/>
      <c r="Z18" s="176"/>
      <c r="AA18" s="176"/>
      <c r="AB18" s="176"/>
      <c r="AC18" s="176"/>
      <c r="AD18" s="176"/>
      <c r="AE18" s="176"/>
      <c r="AF18" s="177"/>
      <c r="AG18" s="177"/>
      <c r="AH18" s="178"/>
      <c r="AI18" s="189"/>
      <c r="AJ18" s="180"/>
      <c r="AK18" s="176"/>
      <c r="AL18" s="176"/>
      <c r="AM18" s="176"/>
      <c r="AN18" s="176"/>
      <c r="AO18" s="182"/>
      <c r="AP18" s="182"/>
      <c r="AQ18" s="182"/>
      <c r="AR18" s="176"/>
      <c r="AS18" s="176"/>
      <c r="AT18" s="176"/>
      <c r="AU18" s="176"/>
      <c r="AV18" s="185"/>
      <c r="AW18" s="186"/>
      <c r="AX18" s="186"/>
      <c r="AY18" s="186"/>
      <c r="AZ18" s="186"/>
      <c r="BA18" s="186"/>
    </row>
    <row r="19" spans="1:53" s="187" customFormat="1" ht="42.75" customHeight="1" x14ac:dyDescent="0.25">
      <c r="A19" s="173"/>
      <c r="B19" s="173"/>
      <c r="C19" s="173"/>
      <c r="D19" s="188"/>
      <c r="E19" s="176"/>
      <c r="F19" s="176"/>
      <c r="G19" s="176"/>
      <c r="H19" s="176"/>
      <c r="I19" s="176"/>
      <c r="J19" s="176"/>
      <c r="K19" s="176"/>
      <c r="L19" s="176"/>
      <c r="M19" s="176"/>
      <c r="N19" s="176"/>
      <c r="O19" s="176"/>
      <c r="P19" s="176"/>
      <c r="Q19" s="176"/>
      <c r="R19" s="176"/>
      <c r="S19" s="176"/>
      <c r="T19" s="176"/>
      <c r="U19" s="176"/>
      <c r="V19" s="176"/>
      <c r="W19" s="176"/>
      <c r="X19" s="176"/>
      <c r="Y19" s="176"/>
      <c r="Z19" s="176"/>
      <c r="AA19" s="176"/>
      <c r="AB19" s="176"/>
      <c r="AC19" s="176"/>
      <c r="AD19" s="176"/>
      <c r="AE19" s="176"/>
      <c r="AF19" s="177"/>
      <c r="AG19" s="177"/>
      <c r="AH19" s="178"/>
      <c r="AI19" s="189"/>
      <c r="AJ19" s="180"/>
      <c r="AK19" s="176"/>
      <c r="AL19" s="176"/>
      <c r="AM19" s="176"/>
      <c r="AN19" s="176"/>
      <c r="AO19" s="182"/>
      <c r="AP19" s="182"/>
      <c r="AQ19" s="182"/>
      <c r="AR19" s="176"/>
      <c r="AS19" s="176"/>
      <c r="AT19" s="176"/>
      <c r="AU19" s="176"/>
      <c r="AV19" s="185"/>
      <c r="AW19" s="186"/>
      <c r="AX19" s="186"/>
      <c r="AY19" s="186"/>
      <c r="AZ19" s="186"/>
      <c r="BA19" s="186"/>
    </row>
    <row r="20" spans="1:53" s="187" customFormat="1" ht="42.75" customHeight="1" x14ac:dyDescent="0.25">
      <c r="A20" s="173"/>
      <c r="B20" s="173"/>
      <c r="C20" s="173"/>
      <c r="D20" s="188"/>
      <c r="E20" s="176"/>
      <c r="F20" s="176"/>
      <c r="G20" s="176"/>
      <c r="H20" s="176"/>
      <c r="I20" s="176"/>
      <c r="J20" s="176"/>
      <c r="K20" s="176"/>
      <c r="L20" s="176"/>
      <c r="M20" s="176"/>
      <c r="N20" s="176"/>
      <c r="O20" s="176"/>
      <c r="P20" s="176"/>
      <c r="Q20" s="176"/>
      <c r="R20" s="176"/>
      <c r="S20" s="176"/>
      <c r="T20" s="176"/>
      <c r="U20" s="176"/>
      <c r="V20" s="176"/>
      <c r="W20" s="176"/>
      <c r="X20" s="176"/>
      <c r="Y20" s="176"/>
      <c r="Z20" s="176"/>
      <c r="AA20" s="176"/>
      <c r="AB20" s="176"/>
      <c r="AC20" s="176"/>
      <c r="AD20" s="176"/>
      <c r="AE20" s="176"/>
      <c r="AF20" s="177"/>
      <c r="AG20" s="177"/>
      <c r="AH20" s="178"/>
      <c r="AI20" s="189"/>
      <c r="AJ20" s="180"/>
      <c r="AK20" s="176"/>
      <c r="AL20" s="176"/>
      <c r="AM20" s="176"/>
      <c r="AN20" s="176"/>
      <c r="AO20" s="182"/>
      <c r="AP20" s="182"/>
      <c r="AQ20" s="182"/>
      <c r="AR20" s="176"/>
      <c r="AS20" s="176"/>
      <c r="AT20" s="176"/>
      <c r="AU20" s="176"/>
      <c r="AV20" s="185"/>
      <c r="AW20" s="186"/>
      <c r="AX20" s="186"/>
      <c r="AY20" s="186"/>
      <c r="AZ20" s="186"/>
      <c r="BA20" s="186"/>
    </row>
    <row r="21" spans="1:53" s="96" customFormat="1" ht="42.75" customHeight="1" x14ac:dyDescent="0.25">
      <c r="A21" s="99"/>
      <c r="B21" s="99"/>
      <c r="D21" s="98"/>
      <c r="E21" s="98"/>
      <c r="F21" s="98"/>
      <c r="G21" s="98"/>
      <c r="H21" s="98"/>
      <c r="I21" s="98"/>
      <c r="J21" s="98"/>
      <c r="K21" s="98"/>
      <c r="L21" s="98"/>
      <c r="M21" s="98"/>
      <c r="N21" s="98"/>
      <c r="O21" s="98"/>
      <c r="P21" s="98"/>
      <c r="Q21" s="98"/>
      <c r="R21" s="98"/>
      <c r="S21" s="98"/>
      <c r="T21" s="98"/>
      <c r="U21" s="98"/>
      <c r="V21" s="98"/>
      <c r="W21" s="98"/>
      <c r="X21" s="98"/>
      <c r="Y21" s="98"/>
      <c r="Z21" s="98"/>
      <c r="AA21" s="98"/>
      <c r="AB21" s="98"/>
      <c r="AC21" s="98"/>
      <c r="AD21" s="98"/>
      <c r="AE21" s="98"/>
      <c r="AF21" s="98"/>
      <c r="AG21" s="98"/>
      <c r="AH21" s="98"/>
      <c r="AI21" s="98"/>
      <c r="AJ21" s="98"/>
      <c r="AK21" s="98"/>
      <c r="AL21" s="98"/>
      <c r="AM21" s="98"/>
      <c r="AN21" s="98"/>
      <c r="AO21" s="98"/>
      <c r="AP21" s="98"/>
      <c r="AQ21" s="98"/>
      <c r="AR21" s="98"/>
      <c r="AS21" s="98"/>
      <c r="AT21" s="98"/>
      <c r="AU21" s="98"/>
      <c r="AV21" s="95"/>
      <c r="AW21" s="95"/>
      <c r="AX21" s="95"/>
      <c r="AY21" s="95"/>
      <c r="AZ21" s="95"/>
      <c r="BA21" s="95"/>
    </row>
    <row r="24" spans="1:53" ht="20.25" hidden="1" customHeight="1" x14ac:dyDescent="0.25">
      <c r="A24" s="78" t="s">
        <v>879</v>
      </c>
      <c r="D24" t="s">
        <v>878</v>
      </c>
      <c r="AJ24" t="s">
        <v>873</v>
      </c>
      <c r="AK24" t="s">
        <v>994</v>
      </c>
      <c r="AL24" t="s">
        <v>470</v>
      </c>
      <c r="AM24" t="s">
        <v>477</v>
      </c>
      <c r="AN24" t="s">
        <v>489</v>
      </c>
      <c r="AO24" t="s">
        <v>874</v>
      </c>
      <c r="AP24" t="s">
        <v>875</v>
      </c>
      <c r="AQ24" t="s">
        <v>876</v>
      </c>
      <c r="AR24" t="s">
        <v>877</v>
      </c>
      <c r="AS24" t="s">
        <v>738</v>
      </c>
      <c r="AT24" t="s">
        <v>762</v>
      </c>
      <c r="AU24" t="s">
        <v>773</v>
      </c>
    </row>
    <row r="25" spans="1:53" ht="20.25" hidden="1" customHeight="1" x14ac:dyDescent="0.25">
      <c r="A25" s="1" t="s">
        <v>975</v>
      </c>
      <c r="D25" t="s">
        <v>970</v>
      </c>
      <c r="L25" s="168" t="s">
        <v>993</v>
      </c>
      <c r="M25" s="168"/>
      <c r="N25" s="168"/>
      <c r="O25" s="168" t="s">
        <v>992</v>
      </c>
      <c r="P25" s="168"/>
      <c r="Q25" s="168"/>
      <c r="AJ25" t="s">
        <v>883</v>
      </c>
      <c r="AK25" t="s">
        <v>899</v>
      </c>
      <c r="AL25" t="s">
        <v>900</v>
      </c>
      <c r="AM25" t="s">
        <v>901</v>
      </c>
      <c r="AN25" t="s">
        <v>989</v>
      </c>
      <c r="AO25" t="s">
        <v>911</v>
      </c>
      <c r="AP25" t="s">
        <v>929</v>
      </c>
      <c r="AQ25" t="s">
        <v>935</v>
      </c>
      <c r="AR25" t="s">
        <v>947</v>
      </c>
      <c r="AS25" t="s">
        <v>956</v>
      </c>
      <c r="AT25" t="s">
        <v>963</v>
      </c>
      <c r="AU25" t="s">
        <v>968</v>
      </c>
    </row>
    <row r="26" spans="1:53" ht="20.25" hidden="1" customHeight="1" x14ac:dyDescent="0.25">
      <c r="A26" s="1" t="s">
        <v>976</v>
      </c>
      <c r="D26" t="s">
        <v>971</v>
      </c>
      <c r="L26" s="169" t="s">
        <v>990</v>
      </c>
      <c r="M26" s="24" t="s">
        <v>65</v>
      </c>
      <c r="N26" s="25" t="s">
        <v>68</v>
      </c>
      <c r="O26" s="2" t="s">
        <v>902</v>
      </c>
      <c r="P26" s="81" t="s">
        <v>65</v>
      </c>
      <c r="Q26" s="16" t="s">
        <v>486</v>
      </c>
      <c r="AJ26" t="s">
        <v>884</v>
      </c>
      <c r="AK26"/>
      <c r="AL26"/>
      <c r="AM26"/>
      <c r="AN26" t="s">
        <v>903</v>
      </c>
      <c r="AO26" t="s">
        <v>912</v>
      </c>
      <c r="AP26" t="s">
        <v>930</v>
      </c>
      <c r="AQ26" t="s">
        <v>936</v>
      </c>
      <c r="AR26" t="s">
        <v>948</v>
      </c>
      <c r="AS26" t="s">
        <v>957</v>
      </c>
      <c r="AT26" t="s">
        <v>964</v>
      </c>
      <c r="AU26" t="s">
        <v>969</v>
      </c>
    </row>
    <row r="27" spans="1:53" ht="20.25" hidden="1" customHeight="1" x14ac:dyDescent="0.25">
      <c r="A27" s="1" t="s">
        <v>977</v>
      </c>
      <c r="D27" t="s">
        <v>972</v>
      </c>
      <c r="L27" s="169"/>
      <c r="M27" s="18" t="s">
        <v>70</v>
      </c>
      <c r="N27" s="19" t="s">
        <v>71</v>
      </c>
      <c r="O27" s="2"/>
      <c r="P27" s="82" t="s">
        <v>490</v>
      </c>
      <c r="Q27" s="19" t="s">
        <v>491</v>
      </c>
      <c r="AJ27" t="s">
        <v>885</v>
      </c>
      <c r="AK27"/>
      <c r="AL27"/>
      <c r="AM27"/>
      <c r="AN27" t="s">
        <v>904</v>
      </c>
      <c r="AO27" t="s">
        <v>913</v>
      </c>
      <c r="AP27" t="s">
        <v>931</v>
      </c>
      <c r="AQ27" t="s">
        <v>937</v>
      </c>
      <c r="AR27" t="s">
        <v>949</v>
      </c>
      <c r="AS27" t="s">
        <v>958</v>
      </c>
      <c r="AT27" t="s">
        <v>965</v>
      </c>
      <c r="AU27" t="s">
        <v>910</v>
      </c>
    </row>
    <row r="28" spans="1:53" ht="20.25" hidden="1" customHeight="1" x14ac:dyDescent="0.25">
      <c r="A28" s="1" t="s">
        <v>978</v>
      </c>
      <c r="D28" t="s">
        <v>973</v>
      </c>
      <c r="L28" s="169"/>
      <c r="M28" s="18" t="s">
        <v>73</v>
      </c>
      <c r="N28" s="19" t="s">
        <v>74</v>
      </c>
      <c r="O28" s="2"/>
      <c r="P28" s="82" t="s">
        <v>172</v>
      </c>
      <c r="Q28" s="19" t="s">
        <v>339</v>
      </c>
      <c r="AJ28" t="s">
        <v>886</v>
      </c>
      <c r="AK28"/>
      <c r="AL28"/>
      <c r="AM28"/>
      <c r="AN28" t="s">
        <v>905</v>
      </c>
      <c r="AO28" t="s">
        <v>914</v>
      </c>
      <c r="AP28" t="s">
        <v>932</v>
      </c>
      <c r="AQ28" t="s">
        <v>938</v>
      </c>
      <c r="AR28" t="s">
        <v>950</v>
      </c>
      <c r="AS28" t="s">
        <v>959</v>
      </c>
      <c r="AT28" t="s">
        <v>966</v>
      </c>
      <c r="AU28"/>
    </row>
    <row r="29" spans="1:53" ht="20.25" hidden="1" customHeight="1" x14ac:dyDescent="0.25">
      <c r="A29" s="1" t="s">
        <v>979</v>
      </c>
      <c r="D29" t="s">
        <v>974</v>
      </c>
      <c r="L29" s="169"/>
      <c r="M29" s="18" t="s">
        <v>76</v>
      </c>
      <c r="N29" s="19" t="s">
        <v>77</v>
      </c>
      <c r="O29" s="2"/>
      <c r="P29" s="82" t="s">
        <v>76</v>
      </c>
      <c r="Q29" s="19" t="s">
        <v>493</v>
      </c>
      <c r="AJ29" t="s">
        <v>887</v>
      </c>
      <c r="AK29"/>
      <c r="AL29"/>
      <c r="AM29"/>
      <c r="AN29" t="s">
        <v>906</v>
      </c>
      <c r="AO29" t="s">
        <v>915</v>
      </c>
      <c r="AP29" t="s">
        <v>933</v>
      </c>
      <c r="AQ29" t="s">
        <v>939</v>
      </c>
      <c r="AR29" t="s">
        <v>951</v>
      </c>
      <c r="AS29" t="s">
        <v>960</v>
      </c>
      <c r="AT29" t="s">
        <v>967</v>
      </c>
      <c r="AU29"/>
    </row>
    <row r="30" spans="1:53" ht="20.25" hidden="1" customHeight="1" x14ac:dyDescent="0.25">
      <c r="A30" s="1" t="s">
        <v>980</v>
      </c>
      <c r="D30" t="s">
        <v>910</v>
      </c>
      <c r="L30" s="169"/>
      <c r="M30" s="18" t="s">
        <v>79</v>
      </c>
      <c r="N30" s="19" t="s">
        <v>80</v>
      </c>
      <c r="O30" s="2"/>
      <c r="P30" s="82" t="s">
        <v>79</v>
      </c>
      <c r="Q30" s="19" t="s">
        <v>495</v>
      </c>
      <c r="AJ30" t="s">
        <v>888</v>
      </c>
      <c r="AK30"/>
      <c r="AL30"/>
      <c r="AM30"/>
      <c r="AN30" t="s">
        <v>907</v>
      </c>
      <c r="AO30" t="s">
        <v>916</v>
      </c>
      <c r="AP30" t="s">
        <v>934</v>
      </c>
      <c r="AQ30" t="s">
        <v>910</v>
      </c>
      <c r="AR30" t="s">
        <v>952</v>
      </c>
      <c r="AS30" t="s">
        <v>961</v>
      </c>
      <c r="AT30" t="s">
        <v>910</v>
      </c>
      <c r="AU30"/>
    </row>
    <row r="31" spans="1:53" ht="20.25" hidden="1" customHeight="1" x14ac:dyDescent="0.25">
      <c r="A31" s="1" t="s">
        <v>981</v>
      </c>
      <c r="D31"/>
      <c r="L31" s="169"/>
      <c r="M31" s="18" t="s">
        <v>82</v>
      </c>
      <c r="N31" s="19" t="s">
        <v>83</v>
      </c>
      <c r="O31" s="2"/>
      <c r="P31" s="83" t="s">
        <v>93</v>
      </c>
      <c r="Q31" s="22" t="s">
        <v>94</v>
      </c>
      <c r="AJ31" t="s">
        <v>889</v>
      </c>
      <c r="AK31"/>
      <c r="AL31"/>
      <c r="AM31"/>
      <c r="AN31" t="s">
        <v>908</v>
      </c>
      <c r="AO31" t="s">
        <v>917</v>
      </c>
      <c r="AP31" t="s">
        <v>910</v>
      </c>
      <c r="AQ31"/>
      <c r="AR31" t="s">
        <v>953</v>
      </c>
      <c r="AS31" t="s">
        <v>962</v>
      </c>
      <c r="AT31"/>
      <c r="AU31"/>
    </row>
    <row r="32" spans="1:53" ht="20.25" hidden="1" customHeight="1" x14ac:dyDescent="0.25">
      <c r="A32" s="1" t="s">
        <v>982</v>
      </c>
      <c r="D32"/>
      <c r="L32" s="169"/>
      <c r="M32" s="18" t="s">
        <v>85</v>
      </c>
      <c r="N32" s="19" t="s">
        <v>86</v>
      </c>
      <c r="O32" s="2" t="s">
        <v>903</v>
      </c>
      <c r="P32" s="43"/>
      <c r="Q32" s="44"/>
      <c r="AJ32" t="s">
        <v>890</v>
      </c>
      <c r="AK32"/>
      <c r="AL32"/>
      <c r="AM32"/>
      <c r="AN32" t="s">
        <v>909</v>
      </c>
      <c r="AO32" s="6" t="s">
        <v>918</v>
      </c>
      <c r="AP32"/>
      <c r="AR32" s="1" t="s">
        <v>954</v>
      </c>
      <c r="AS32" t="s">
        <v>910</v>
      </c>
      <c r="AT32"/>
      <c r="AU32"/>
    </row>
    <row r="33" spans="1:47" ht="20.25" hidden="1" customHeight="1" x14ac:dyDescent="0.25">
      <c r="A33" s="1" t="s">
        <v>983</v>
      </c>
      <c r="D33"/>
      <c r="L33" s="169"/>
      <c r="M33" s="18" t="s">
        <v>88</v>
      </c>
      <c r="N33" s="19" t="s">
        <v>89</v>
      </c>
      <c r="O33" s="2" t="s">
        <v>904</v>
      </c>
      <c r="P33" s="43"/>
      <c r="Q33" s="44"/>
      <c r="AJ33" t="s">
        <v>891</v>
      </c>
      <c r="AK33"/>
      <c r="AL33"/>
      <c r="AM33"/>
      <c r="AN33" t="s">
        <v>910</v>
      </c>
      <c r="AO33" s="6" t="s">
        <v>919</v>
      </c>
      <c r="AP33"/>
      <c r="AR33" s="1" t="s">
        <v>955</v>
      </c>
      <c r="AS33"/>
      <c r="AT33"/>
      <c r="AU33"/>
    </row>
    <row r="34" spans="1:47" ht="20.25" hidden="1" customHeight="1" x14ac:dyDescent="0.25">
      <c r="A34" s="1" t="s">
        <v>984</v>
      </c>
      <c r="D34"/>
      <c r="L34" s="169"/>
      <c r="M34" s="18" t="s">
        <v>90</v>
      </c>
      <c r="N34" s="19" t="s">
        <v>91</v>
      </c>
      <c r="O34" s="2" t="s">
        <v>905</v>
      </c>
      <c r="P34" s="81" t="s">
        <v>65</v>
      </c>
      <c r="Q34" s="16" t="s">
        <v>504</v>
      </c>
      <c r="AJ34" t="s">
        <v>892</v>
      </c>
      <c r="AK34"/>
      <c r="AL34"/>
      <c r="AM34"/>
      <c r="AO34" s="6" t="s">
        <v>920</v>
      </c>
      <c r="AP34"/>
      <c r="AR34" s="1" t="s">
        <v>910</v>
      </c>
      <c r="AS34"/>
      <c r="AT34"/>
      <c r="AU34"/>
    </row>
    <row r="35" spans="1:47" ht="20.25" hidden="1" customHeight="1" x14ac:dyDescent="0.25">
      <c r="A35" s="1" t="s">
        <v>985</v>
      </c>
      <c r="D35"/>
      <c r="L35" s="169"/>
      <c r="M35" s="21" t="s">
        <v>93</v>
      </c>
      <c r="N35" s="22" t="s">
        <v>94</v>
      </c>
      <c r="O35" s="2"/>
      <c r="P35" s="82" t="s">
        <v>70</v>
      </c>
      <c r="Q35" s="19" t="s">
        <v>507</v>
      </c>
      <c r="AJ35" t="s">
        <v>893</v>
      </c>
      <c r="AK35"/>
      <c r="AL35"/>
      <c r="AM35"/>
      <c r="AO35" s="6" t="s">
        <v>921</v>
      </c>
      <c r="AP35"/>
      <c r="AS35"/>
      <c r="AT35"/>
      <c r="AU35"/>
    </row>
    <row r="36" spans="1:47" ht="20.25" hidden="1" customHeight="1" x14ac:dyDescent="0.25">
      <c r="A36" s="1" t="s">
        <v>986</v>
      </c>
      <c r="D36"/>
      <c r="L36" s="170" t="s">
        <v>991</v>
      </c>
      <c r="M36" s="15" t="s">
        <v>65</v>
      </c>
      <c r="N36" s="16" t="s">
        <v>97</v>
      </c>
      <c r="O36" s="2"/>
      <c r="P36" s="82" t="s">
        <v>172</v>
      </c>
      <c r="Q36" s="19" t="s">
        <v>509</v>
      </c>
      <c r="AJ36" t="s">
        <v>894</v>
      </c>
      <c r="AK36"/>
      <c r="AL36"/>
      <c r="AM36"/>
      <c r="AO36" s="6" t="s">
        <v>922</v>
      </c>
      <c r="AP36"/>
      <c r="AS36"/>
      <c r="AT36"/>
      <c r="AU36"/>
    </row>
    <row r="37" spans="1:47" ht="20.25" hidden="1" customHeight="1" x14ac:dyDescent="0.25">
      <c r="A37" s="1" t="s">
        <v>987</v>
      </c>
      <c r="D37"/>
      <c r="L37" s="170"/>
      <c r="M37" s="18" t="s">
        <v>70</v>
      </c>
      <c r="N37" s="19" t="s">
        <v>99</v>
      </c>
      <c r="O37" s="2"/>
      <c r="P37" s="83" t="s">
        <v>93</v>
      </c>
      <c r="Q37" s="22" t="s">
        <v>94</v>
      </c>
      <c r="AJ37" t="s">
        <v>895</v>
      </c>
      <c r="AK37"/>
      <c r="AL37"/>
      <c r="AM37"/>
      <c r="AO37" s="6" t="s">
        <v>923</v>
      </c>
      <c r="AP37"/>
      <c r="AS37"/>
      <c r="AT37"/>
      <c r="AU37"/>
    </row>
    <row r="38" spans="1:47" ht="20.25" hidden="1" customHeight="1" x14ac:dyDescent="0.25">
      <c r="A38" s="1" t="s">
        <v>988</v>
      </c>
      <c r="D38"/>
      <c r="L38" s="170"/>
      <c r="M38" s="18" t="s">
        <v>73</v>
      </c>
      <c r="N38" s="19" t="s">
        <v>101</v>
      </c>
      <c r="O38" s="2" t="s">
        <v>906</v>
      </c>
      <c r="P38" s="43"/>
      <c r="Q38" s="44"/>
      <c r="AJ38" t="s">
        <v>896</v>
      </c>
      <c r="AK38"/>
      <c r="AL38"/>
      <c r="AM38"/>
      <c r="AO38" s="6" t="s">
        <v>924</v>
      </c>
      <c r="AP38"/>
      <c r="AS38"/>
      <c r="AT38"/>
    </row>
    <row r="39" spans="1:47" ht="20.25" hidden="1" customHeight="1" x14ac:dyDescent="0.25">
      <c r="A39" s="1" t="s">
        <v>910</v>
      </c>
      <c r="D39"/>
      <c r="L39" s="170"/>
      <c r="M39" s="18" t="s">
        <v>76</v>
      </c>
      <c r="N39" s="19" t="s">
        <v>103</v>
      </c>
      <c r="O39" s="2" t="s">
        <v>907</v>
      </c>
      <c r="P39" s="81" t="s">
        <v>65</v>
      </c>
      <c r="Q39" s="16" t="s">
        <v>515</v>
      </c>
      <c r="AJ39" t="s">
        <v>897</v>
      </c>
      <c r="AK39"/>
      <c r="AL39"/>
      <c r="AM39"/>
      <c r="AO39" s="6" t="s">
        <v>925</v>
      </c>
      <c r="AP39"/>
      <c r="AT39"/>
    </row>
    <row r="40" spans="1:47" ht="20.25" hidden="1" customHeight="1" x14ac:dyDescent="0.25">
      <c r="L40" s="170"/>
      <c r="M40" s="18" t="s">
        <v>79</v>
      </c>
      <c r="N40" s="19" t="s">
        <v>105</v>
      </c>
      <c r="O40" s="2"/>
      <c r="P40" s="82" t="s">
        <v>70</v>
      </c>
      <c r="Q40" s="19" t="s">
        <v>517</v>
      </c>
      <c r="AJ40" t="s">
        <v>898</v>
      </c>
      <c r="AK40"/>
      <c r="AL40"/>
      <c r="AM40"/>
      <c r="AO40" s="6" t="s">
        <v>926</v>
      </c>
      <c r="AT40"/>
    </row>
    <row r="41" spans="1:47" ht="20.25" hidden="1" customHeight="1" x14ac:dyDescent="0.25">
      <c r="L41" s="170"/>
      <c r="M41" s="18" t="s">
        <v>82</v>
      </c>
      <c r="N41" s="19" t="s">
        <v>107</v>
      </c>
      <c r="O41" s="2"/>
      <c r="P41" s="83" t="s">
        <v>93</v>
      </c>
      <c r="Q41" s="22" t="s">
        <v>94</v>
      </c>
      <c r="AJ41" t="s">
        <v>59</v>
      </c>
      <c r="AK41"/>
      <c r="AL41"/>
      <c r="AM41"/>
      <c r="AO41" s="6" t="s">
        <v>927</v>
      </c>
      <c r="AT41"/>
    </row>
    <row r="42" spans="1:47" ht="20.25" hidden="1" customHeight="1" x14ac:dyDescent="0.25">
      <c r="L42" s="170"/>
      <c r="M42" s="18" t="s">
        <v>85</v>
      </c>
      <c r="N42" s="19" t="s">
        <v>109</v>
      </c>
      <c r="O42" s="2" t="s">
        <v>908</v>
      </c>
      <c r="P42" s="43"/>
      <c r="Q42" s="44"/>
      <c r="AO42" s="6" t="s">
        <v>928</v>
      </c>
    </row>
    <row r="43" spans="1:47" ht="20.25" hidden="1" customHeight="1" x14ac:dyDescent="0.25">
      <c r="L43" s="170"/>
      <c r="M43" s="18" t="s">
        <v>88</v>
      </c>
      <c r="N43" s="19" t="s">
        <v>111</v>
      </c>
      <c r="O43" s="2" t="s">
        <v>909</v>
      </c>
      <c r="P43" s="81" t="s">
        <v>65</v>
      </c>
      <c r="Q43" s="16" t="s">
        <v>525</v>
      </c>
      <c r="AO43" s="6" t="s">
        <v>910</v>
      </c>
    </row>
    <row r="44" spans="1:47" ht="20.25" hidden="1" customHeight="1" x14ac:dyDescent="0.25">
      <c r="L44" s="170"/>
      <c r="M44" s="18" t="s">
        <v>90</v>
      </c>
      <c r="N44" s="19" t="s">
        <v>112</v>
      </c>
      <c r="O44" s="2"/>
      <c r="P44" s="82" t="s">
        <v>490</v>
      </c>
      <c r="Q44" s="19" t="s">
        <v>527</v>
      </c>
    </row>
    <row r="45" spans="1:47" ht="20.25" hidden="1" customHeight="1" x14ac:dyDescent="0.25">
      <c r="L45" s="170"/>
      <c r="M45" s="18" t="s">
        <v>114</v>
      </c>
      <c r="N45" s="19" t="s">
        <v>115</v>
      </c>
      <c r="O45" s="2"/>
      <c r="P45" s="82" t="s">
        <v>73</v>
      </c>
      <c r="Q45" s="19" t="s">
        <v>529</v>
      </c>
    </row>
    <row r="46" spans="1:47" ht="20.25" hidden="1" customHeight="1" x14ac:dyDescent="0.25">
      <c r="L46" s="170"/>
      <c r="M46" s="18" t="s">
        <v>117</v>
      </c>
      <c r="N46" s="19" t="s">
        <v>118</v>
      </c>
      <c r="O46" s="2"/>
      <c r="P46" s="83" t="s">
        <v>93</v>
      </c>
      <c r="Q46" s="22" t="s">
        <v>94</v>
      </c>
    </row>
    <row r="47" spans="1:47" ht="20.25" hidden="1" customHeight="1" x14ac:dyDescent="0.25">
      <c r="L47" s="170"/>
      <c r="M47" s="18" t="s">
        <v>119</v>
      </c>
      <c r="N47" s="19" t="s">
        <v>120</v>
      </c>
      <c r="O47" s="2" t="s">
        <v>910</v>
      </c>
      <c r="P47" s="43"/>
      <c r="Q47" s="44"/>
    </row>
    <row r="48" spans="1:47" ht="20.25" hidden="1" customHeight="1" x14ac:dyDescent="0.25">
      <c r="L48" s="170"/>
      <c r="M48" s="21" t="s">
        <v>93</v>
      </c>
      <c r="N48" s="22" t="s">
        <v>94</v>
      </c>
      <c r="O48" s="2" t="s">
        <v>911</v>
      </c>
      <c r="P48" s="81" t="s">
        <v>65</v>
      </c>
      <c r="Q48" s="16" t="s">
        <v>531</v>
      </c>
    </row>
    <row r="49" spans="12:17" ht="20.25" hidden="1" customHeight="1" x14ac:dyDescent="0.25">
      <c r="L49" s="163" t="s">
        <v>885</v>
      </c>
      <c r="M49" s="15" t="s">
        <v>65</v>
      </c>
      <c r="N49" s="16" t="s">
        <v>123</v>
      </c>
      <c r="O49" s="2"/>
      <c r="P49" s="82" t="s">
        <v>70</v>
      </c>
      <c r="Q49" s="19" t="s">
        <v>535</v>
      </c>
    </row>
    <row r="50" spans="12:17" ht="20.25" hidden="1" customHeight="1" x14ac:dyDescent="0.25">
      <c r="L50" s="163"/>
      <c r="M50" s="18" t="s">
        <v>70</v>
      </c>
      <c r="N50" s="19" t="s">
        <v>125</v>
      </c>
      <c r="O50" s="2"/>
      <c r="P50" s="83" t="s">
        <v>93</v>
      </c>
      <c r="Q50" s="22" t="s">
        <v>94</v>
      </c>
    </row>
    <row r="51" spans="12:17" ht="20.25" hidden="1" customHeight="1" x14ac:dyDescent="0.25">
      <c r="L51" s="163"/>
      <c r="M51" s="18" t="s">
        <v>73</v>
      </c>
      <c r="N51" s="19" t="s">
        <v>127</v>
      </c>
      <c r="O51" s="2" t="s">
        <v>912</v>
      </c>
      <c r="P51" s="81" t="s">
        <v>65</v>
      </c>
      <c r="Q51" s="16" t="s">
        <v>539</v>
      </c>
    </row>
    <row r="52" spans="12:17" ht="20.25" hidden="1" customHeight="1" x14ac:dyDescent="0.25">
      <c r="L52" s="163"/>
      <c r="M52" s="18" t="s">
        <v>76</v>
      </c>
      <c r="N52" s="19" t="s">
        <v>129</v>
      </c>
      <c r="O52" s="2"/>
      <c r="P52" s="82" t="s">
        <v>70</v>
      </c>
      <c r="Q52" s="19" t="s">
        <v>542</v>
      </c>
    </row>
    <row r="53" spans="12:17" ht="20.25" hidden="1" customHeight="1" x14ac:dyDescent="0.25">
      <c r="L53" s="163"/>
      <c r="M53" s="18" t="s">
        <v>79</v>
      </c>
      <c r="N53" s="19" t="s">
        <v>131</v>
      </c>
      <c r="O53" s="2"/>
      <c r="P53" s="82" t="s">
        <v>172</v>
      </c>
      <c r="Q53" s="19" t="s">
        <v>544</v>
      </c>
    </row>
    <row r="54" spans="12:17" ht="20.25" hidden="1" customHeight="1" x14ac:dyDescent="0.25">
      <c r="L54" s="163"/>
      <c r="M54" s="18" t="s">
        <v>82</v>
      </c>
      <c r="N54" s="19" t="s">
        <v>132</v>
      </c>
      <c r="O54" s="2"/>
      <c r="P54" s="83" t="s">
        <v>93</v>
      </c>
      <c r="Q54" s="22" t="s">
        <v>94</v>
      </c>
    </row>
    <row r="55" spans="12:17" ht="20.25" hidden="1" customHeight="1" x14ac:dyDescent="0.25">
      <c r="L55" s="163"/>
      <c r="M55" s="21" t="s">
        <v>93</v>
      </c>
      <c r="N55" s="22" t="s">
        <v>94</v>
      </c>
      <c r="O55" s="2" t="s">
        <v>913</v>
      </c>
      <c r="P55" s="43"/>
      <c r="Q55" s="44"/>
    </row>
    <row r="56" spans="12:17" ht="20.25" hidden="1" customHeight="1" x14ac:dyDescent="0.25">
      <c r="L56" s="163" t="s">
        <v>886</v>
      </c>
      <c r="M56" s="15" t="s">
        <v>65</v>
      </c>
      <c r="N56" s="16" t="s">
        <v>136</v>
      </c>
      <c r="O56" s="2" t="s">
        <v>914</v>
      </c>
      <c r="P56" s="81" t="s">
        <v>65</v>
      </c>
      <c r="Q56" s="16" t="s">
        <v>551</v>
      </c>
    </row>
    <row r="57" spans="12:17" ht="20.25" hidden="1" customHeight="1" x14ac:dyDescent="0.25">
      <c r="L57" s="163"/>
      <c r="M57" s="18" t="s">
        <v>70</v>
      </c>
      <c r="N57" s="19" t="s">
        <v>138</v>
      </c>
      <c r="O57" s="2"/>
      <c r="P57" s="82" t="s">
        <v>490</v>
      </c>
      <c r="Q57" s="19" t="s">
        <v>554</v>
      </c>
    </row>
    <row r="58" spans="12:17" ht="20.25" hidden="1" customHeight="1" x14ac:dyDescent="0.25">
      <c r="L58" s="163"/>
      <c r="M58" s="18" t="s">
        <v>73</v>
      </c>
      <c r="N58" s="19" t="s">
        <v>140</v>
      </c>
      <c r="O58" s="2"/>
      <c r="P58" s="83" t="s">
        <v>93</v>
      </c>
      <c r="Q58" s="22" t="s">
        <v>94</v>
      </c>
    </row>
    <row r="59" spans="12:17" ht="20.25" hidden="1" customHeight="1" x14ac:dyDescent="0.25">
      <c r="L59" s="163"/>
      <c r="M59" s="18" t="s">
        <v>142</v>
      </c>
      <c r="N59" s="19" t="s">
        <v>143</v>
      </c>
      <c r="O59" s="2" t="s">
        <v>915</v>
      </c>
      <c r="P59" s="81" t="s">
        <v>65</v>
      </c>
      <c r="Q59" s="16" t="s">
        <v>557</v>
      </c>
    </row>
    <row r="60" spans="12:17" ht="20.25" hidden="1" customHeight="1" x14ac:dyDescent="0.25">
      <c r="L60" s="163"/>
      <c r="M60" s="18" t="s">
        <v>79</v>
      </c>
      <c r="N60" s="19" t="s">
        <v>144</v>
      </c>
      <c r="O60" s="2"/>
      <c r="P60" s="82" t="s">
        <v>490</v>
      </c>
      <c r="Q60" s="19" t="s">
        <v>560</v>
      </c>
    </row>
    <row r="61" spans="12:17" ht="20.25" hidden="1" customHeight="1" x14ac:dyDescent="0.25">
      <c r="L61" s="163"/>
      <c r="M61" s="18" t="s">
        <v>82</v>
      </c>
      <c r="N61" s="19" t="s">
        <v>146</v>
      </c>
      <c r="O61" s="2"/>
      <c r="P61" s="82" t="s">
        <v>73</v>
      </c>
      <c r="Q61" s="19" t="s">
        <v>562</v>
      </c>
    </row>
    <row r="62" spans="12:17" ht="20.25" hidden="1" customHeight="1" x14ac:dyDescent="0.25">
      <c r="L62" s="163"/>
      <c r="M62" s="18" t="s">
        <v>85</v>
      </c>
      <c r="N62" s="19" t="s">
        <v>148</v>
      </c>
      <c r="O62" s="2"/>
      <c r="P62" s="83" t="s">
        <v>93</v>
      </c>
      <c r="Q62" s="22" t="s">
        <v>94</v>
      </c>
    </row>
    <row r="63" spans="12:17" ht="20.25" hidden="1" customHeight="1" x14ac:dyDescent="0.25">
      <c r="L63" s="163"/>
      <c r="M63" s="18" t="s">
        <v>88</v>
      </c>
      <c r="N63" s="19" t="s">
        <v>150</v>
      </c>
      <c r="O63" s="2" t="s">
        <v>916</v>
      </c>
      <c r="P63" s="43"/>
      <c r="Q63" s="44"/>
    </row>
    <row r="64" spans="12:17" ht="20.25" hidden="1" customHeight="1" x14ac:dyDescent="0.25">
      <c r="L64" s="163"/>
      <c r="M64" s="18" t="s">
        <v>90</v>
      </c>
      <c r="N64" s="19" t="s">
        <v>152</v>
      </c>
      <c r="O64" s="2" t="s">
        <v>917</v>
      </c>
      <c r="P64" s="43"/>
      <c r="Q64" s="44"/>
    </row>
    <row r="65" spans="12:17" ht="20.25" hidden="1" customHeight="1" x14ac:dyDescent="0.25">
      <c r="L65" s="163"/>
      <c r="M65" s="18" t="s">
        <v>114</v>
      </c>
      <c r="N65" s="19" t="s">
        <v>154</v>
      </c>
      <c r="O65" s="2" t="s">
        <v>918</v>
      </c>
      <c r="P65" s="43"/>
      <c r="Q65" s="44"/>
    </row>
    <row r="66" spans="12:17" ht="20.25" hidden="1" customHeight="1" x14ac:dyDescent="0.25">
      <c r="L66" s="163"/>
      <c r="M66" s="18" t="s">
        <v>117</v>
      </c>
      <c r="N66" s="19" t="s">
        <v>156</v>
      </c>
      <c r="O66" s="2" t="s">
        <v>919</v>
      </c>
      <c r="P66" s="43"/>
      <c r="Q66" s="44"/>
    </row>
    <row r="67" spans="12:17" ht="20.25" hidden="1" customHeight="1" x14ac:dyDescent="0.25">
      <c r="L67" s="163"/>
      <c r="M67" s="18" t="s">
        <v>119</v>
      </c>
      <c r="N67" s="19" t="s">
        <v>158</v>
      </c>
      <c r="O67" s="2" t="s">
        <v>920</v>
      </c>
      <c r="P67" s="43"/>
      <c r="Q67" s="44"/>
    </row>
    <row r="68" spans="12:17" ht="20.25" hidden="1" customHeight="1" x14ac:dyDescent="0.25">
      <c r="L68" s="163"/>
      <c r="M68" s="18" t="s">
        <v>160</v>
      </c>
      <c r="N68" s="19" t="s">
        <v>161</v>
      </c>
      <c r="O68" s="2" t="s">
        <v>921</v>
      </c>
      <c r="P68" s="43"/>
      <c r="Q68" s="44"/>
    </row>
    <row r="69" spans="12:17" ht="20.25" hidden="1" customHeight="1" x14ac:dyDescent="0.25">
      <c r="L69" s="163"/>
      <c r="M69" s="18" t="s">
        <v>163</v>
      </c>
      <c r="N69" s="19" t="s">
        <v>164</v>
      </c>
      <c r="O69" s="2" t="s">
        <v>922</v>
      </c>
      <c r="P69" s="43"/>
      <c r="Q69" s="44"/>
    </row>
    <row r="70" spans="12:17" ht="20.25" hidden="1" customHeight="1" x14ac:dyDescent="0.25">
      <c r="L70" s="163"/>
      <c r="M70" s="21" t="s">
        <v>93</v>
      </c>
      <c r="N70" s="22" t="s">
        <v>94</v>
      </c>
      <c r="O70" s="2" t="s">
        <v>923</v>
      </c>
      <c r="P70" s="43"/>
      <c r="Q70" s="44"/>
    </row>
    <row r="71" spans="12:17" ht="20.25" hidden="1" customHeight="1" x14ac:dyDescent="0.25">
      <c r="L71" s="163" t="s">
        <v>854</v>
      </c>
      <c r="M71" s="15" t="s">
        <v>65</v>
      </c>
      <c r="N71" s="16" t="s">
        <v>168</v>
      </c>
      <c r="O71" s="2" t="s">
        <v>924</v>
      </c>
      <c r="P71" s="81" t="s">
        <v>65</v>
      </c>
      <c r="Q71" s="16" t="s">
        <v>589</v>
      </c>
    </row>
    <row r="72" spans="12:17" ht="20.25" hidden="1" customHeight="1" x14ac:dyDescent="0.25">
      <c r="L72" s="163"/>
      <c r="M72" s="18" t="s">
        <v>70</v>
      </c>
      <c r="N72" s="19" t="s">
        <v>170</v>
      </c>
      <c r="O72" s="2"/>
      <c r="P72" s="82" t="s">
        <v>490</v>
      </c>
      <c r="Q72" s="19" t="s">
        <v>591</v>
      </c>
    </row>
    <row r="73" spans="12:17" ht="20.25" hidden="1" customHeight="1" x14ac:dyDescent="0.25">
      <c r="L73" s="163"/>
      <c r="M73" s="18" t="s">
        <v>172</v>
      </c>
      <c r="N73" s="19" t="s">
        <v>173</v>
      </c>
      <c r="O73" s="2"/>
      <c r="P73" s="83" t="s">
        <v>93</v>
      </c>
      <c r="Q73" s="22" t="s">
        <v>94</v>
      </c>
    </row>
    <row r="74" spans="12:17" ht="20.25" hidden="1" customHeight="1" x14ac:dyDescent="0.25">
      <c r="L74" s="163"/>
      <c r="M74" s="18" t="s">
        <v>142</v>
      </c>
      <c r="N74" s="19" t="s">
        <v>175</v>
      </c>
      <c r="O74" s="2" t="s">
        <v>925</v>
      </c>
      <c r="P74" s="43"/>
      <c r="Q74" s="44"/>
    </row>
    <row r="75" spans="12:17" ht="20.25" hidden="1" customHeight="1" x14ac:dyDescent="0.25">
      <c r="L75" s="163"/>
      <c r="M75" s="18" t="s">
        <v>177</v>
      </c>
      <c r="N75" s="19" t="s">
        <v>178</v>
      </c>
      <c r="O75" s="2" t="s">
        <v>926</v>
      </c>
      <c r="P75" s="43"/>
      <c r="Q75" s="44"/>
    </row>
    <row r="76" spans="12:17" ht="20.25" hidden="1" customHeight="1" x14ac:dyDescent="0.25">
      <c r="L76" s="163"/>
      <c r="M76" s="21" t="s">
        <v>93</v>
      </c>
      <c r="N76" s="22" t="s">
        <v>94</v>
      </c>
      <c r="O76" s="2" t="s">
        <v>927</v>
      </c>
      <c r="P76" s="43"/>
      <c r="Q76" s="44"/>
    </row>
    <row r="77" spans="12:17" ht="20.25" hidden="1" customHeight="1" x14ac:dyDescent="0.25">
      <c r="L77" s="163" t="s">
        <v>855</v>
      </c>
      <c r="M77" s="15" t="s">
        <v>65</v>
      </c>
      <c r="N77" s="16" t="s">
        <v>182</v>
      </c>
      <c r="O77" s="2" t="s">
        <v>928</v>
      </c>
      <c r="P77" s="81" t="s">
        <v>65</v>
      </c>
      <c r="Q77" s="16" t="s">
        <v>603</v>
      </c>
    </row>
    <row r="78" spans="12:17" ht="20.25" hidden="1" customHeight="1" x14ac:dyDescent="0.25">
      <c r="L78" s="163"/>
      <c r="M78" s="18" t="s">
        <v>70</v>
      </c>
      <c r="N78" s="19" t="s">
        <v>185</v>
      </c>
      <c r="O78" s="2"/>
      <c r="P78" s="82" t="s">
        <v>490</v>
      </c>
      <c r="Q78" s="19" t="s">
        <v>606</v>
      </c>
    </row>
    <row r="79" spans="12:17" ht="20.25" hidden="1" customHeight="1" x14ac:dyDescent="0.25">
      <c r="L79" s="163"/>
      <c r="M79" s="18" t="s">
        <v>73</v>
      </c>
      <c r="N79" s="19" t="s">
        <v>187</v>
      </c>
      <c r="O79" s="2"/>
      <c r="P79" s="82" t="s">
        <v>73</v>
      </c>
      <c r="Q79" s="19" t="s">
        <v>608</v>
      </c>
    </row>
    <row r="80" spans="12:17" ht="20.25" hidden="1" customHeight="1" x14ac:dyDescent="0.25">
      <c r="L80" s="163"/>
      <c r="M80" s="18" t="s">
        <v>76</v>
      </c>
      <c r="N80" s="19" t="s">
        <v>189</v>
      </c>
      <c r="O80" s="2"/>
      <c r="P80" s="83" t="s">
        <v>93</v>
      </c>
      <c r="Q80" s="22" t="s">
        <v>94</v>
      </c>
    </row>
    <row r="81" spans="12:17" ht="20.25" hidden="1" customHeight="1" x14ac:dyDescent="0.25">
      <c r="L81" s="163"/>
      <c r="M81" s="18" t="s">
        <v>79</v>
      </c>
      <c r="N81" s="19" t="s">
        <v>191</v>
      </c>
      <c r="O81" s="2" t="s">
        <v>910</v>
      </c>
      <c r="P81" s="43"/>
      <c r="Q81" s="44"/>
    </row>
    <row r="82" spans="12:17" ht="20.25" hidden="1" customHeight="1" x14ac:dyDescent="0.25">
      <c r="L82" s="163"/>
      <c r="M82" s="18" t="s">
        <v>82</v>
      </c>
      <c r="N82" s="19" t="s">
        <v>193</v>
      </c>
      <c r="O82" s="2" t="s">
        <v>929</v>
      </c>
      <c r="P82" s="43"/>
      <c r="Q82" s="44"/>
    </row>
    <row r="83" spans="12:17" ht="20.25" hidden="1" customHeight="1" x14ac:dyDescent="0.25">
      <c r="L83" s="163"/>
      <c r="M83" s="18" t="s">
        <v>85</v>
      </c>
      <c r="N83" s="19" t="s">
        <v>195</v>
      </c>
      <c r="O83" s="2" t="s">
        <v>930</v>
      </c>
      <c r="P83" s="43"/>
      <c r="Q83" s="44"/>
    </row>
    <row r="84" spans="12:17" ht="20.25" hidden="1" customHeight="1" x14ac:dyDescent="0.25">
      <c r="L84" s="163"/>
      <c r="M84" s="18" t="s">
        <v>88</v>
      </c>
      <c r="N84" s="19" t="s">
        <v>197</v>
      </c>
      <c r="O84" s="2" t="s">
        <v>931</v>
      </c>
      <c r="P84" s="43"/>
      <c r="Q84" s="44"/>
    </row>
    <row r="85" spans="12:17" ht="20.25" hidden="1" customHeight="1" x14ac:dyDescent="0.25">
      <c r="L85" s="163"/>
      <c r="M85" s="18" t="s">
        <v>90</v>
      </c>
      <c r="N85" s="19" t="s">
        <v>198</v>
      </c>
      <c r="O85" s="2" t="s">
        <v>932</v>
      </c>
      <c r="P85" s="43"/>
      <c r="Q85" s="44"/>
    </row>
    <row r="86" spans="12:17" ht="20.25" hidden="1" customHeight="1" x14ac:dyDescent="0.25">
      <c r="L86" s="163"/>
      <c r="M86" s="18" t="s">
        <v>114</v>
      </c>
      <c r="N86" s="19" t="s">
        <v>199</v>
      </c>
      <c r="O86" s="2" t="s">
        <v>933</v>
      </c>
      <c r="P86" s="81" t="s">
        <v>65</v>
      </c>
      <c r="Q86" s="16" t="s">
        <v>624</v>
      </c>
    </row>
    <row r="87" spans="12:17" ht="20.25" hidden="1" customHeight="1" x14ac:dyDescent="0.25">
      <c r="L87" s="163"/>
      <c r="M87" s="18" t="s">
        <v>117</v>
      </c>
      <c r="N87" s="19" t="s">
        <v>201</v>
      </c>
      <c r="O87" s="2"/>
      <c r="P87" s="82" t="s">
        <v>490</v>
      </c>
      <c r="Q87" s="19" t="s">
        <v>626</v>
      </c>
    </row>
    <row r="88" spans="12:17" ht="20.25" hidden="1" customHeight="1" x14ac:dyDescent="0.25">
      <c r="L88" s="163"/>
      <c r="M88" s="18" t="s">
        <v>119</v>
      </c>
      <c r="N88" s="19" t="s">
        <v>203</v>
      </c>
      <c r="O88" s="2"/>
      <c r="P88" s="83" t="s">
        <v>93</v>
      </c>
      <c r="Q88" s="22" t="s">
        <v>94</v>
      </c>
    </row>
    <row r="89" spans="12:17" ht="20.25" hidden="1" customHeight="1" x14ac:dyDescent="0.25">
      <c r="L89" s="163"/>
      <c r="M89" s="18" t="s">
        <v>160</v>
      </c>
      <c r="N89" s="19" t="s">
        <v>204</v>
      </c>
      <c r="O89" s="2" t="s">
        <v>934</v>
      </c>
      <c r="P89" s="43"/>
      <c r="Q89" s="44"/>
    </row>
    <row r="90" spans="12:17" ht="20.25" hidden="1" customHeight="1" x14ac:dyDescent="0.25">
      <c r="L90" s="163"/>
      <c r="M90" s="18" t="s">
        <v>163</v>
      </c>
      <c r="N90" s="19" t="s">
        <v>205</v>
      </c>
      <c r="O90" s="2" t="s">
        <v>910</v>
      </c>
      <c r="P90" s="43"/>
      <c r="Q90" s="44"/>
    </row>
    <row r="91" spans="12:17" ht="20.25" hidden="1" customHeight="1" x14ac:dyDescent="0.25">
      <c r="L91" s="163"/>
      <c r="M91" s="18" t="s">
        <v>206</v>
      </c>
      <c r="N91" s="19" t="s">
        <v>207</v>
      </c>
      <c r="O91" s="2" t="s">
        <v>935</v>
      </c>
      <c r="P91" s="84" t="s">
        <v>65</v>
      </c>
      <c r="Q91" s="25" t="s">
        <v>632</v>
      </c>
    </row>
    <row r="92" spans="12:17" ht="20.25" hidden="1" customHeight="1" x14ac:dyDescent="0.25">
      <c r="L92" s="163"/>
      <c r="M92" s="18" t="s">
        <v>209</v>
      </c>
      <c r="N92" s="19" t="s">
        <v>210</v>
      </c>
      <c r="O92" s="2"/>
      <c r="P92" s="82" t="s">
        <v>490</v>
      </c>
      <c r="Q92" s="19" t="s">
        <v>635</v>
      </c>
    </row>
    <row r="93" spans="12:17" ht="20.25" hidden="1" customHeight="1" x14ac:dyDescent="0.25">
      <c r="L93" s="163"/>
      <c r="M93" s="18" t="s">
        <v>211</v>
      </c>
      <c r="N93" s="19" t="s">
        <v>212</v>
      </c>
      <c r="O93" s="2"/>
      <c r="P93" s="82" t="s">
        <v>73</v>
      </c>
      <c r="Q93" s="19" t="s">
        <v>637</v>
      </c>
    </row>
    <row r="94" spans="12:17" ht="20.25" hidden="1" customHeight="1" x14ac:dyDescent="0.25">
      <c r="L94" s="163"/>
      <c r="M94" s="18" t="s">
        <v>213</v>
      </c>
      <c r="N94" s="19" t="s">
        <v>214</v>
      </c>
      <c r="O94" s="2"/>
      <c r="P94" s="82" t="s">
        <v>76</v>
      </c>
      <c r="Q94" s="19" t="s">
        <v>639</v>
      </c>
    </row>
    <row r="95" spans="12:17" ht="20.25" hidden="1" customHeight="1" x14ac:dyDescent="0.25">
      <c r="L95" s="163"/>
      <c r="M95" s="18" t="s">
        <v>215</v>
      </c>
      <c r="N95" s="19" t="s">
        <v>216</v>
      </c>
      <c r="O95" s="2"/>
      <c r="P95" s="82" t="s">
        <v>79</v>
      </c>
      <c r="Q95" s="19" t="s">
        <v>641</v>
      </c>
    </row>
    <row r="96" spans="12:17" ht="20.25" hidden="1" customHeight="1" x14ac:dyDescent="0.25">
      <c r="L96" s="163"/>
      <c r="M96" s="18" t="s">
        <v>217</v>
      </c>
      <c r="N96" s="19" t="s">
        <v>218</v>
      </c>
      <c r="O96" s="2"/>
      <c r="P96" s="82" t="s">
        <v>82</v>
      </c>
      <c r="Q96" s="19" t="s">
        <v>643</v>
      </c>
    </row>
    <row r="97" spans="12:44" ht="20.25" hidden="1" customHeight="1" x14ac:dyDescent="0.25">
      <c r="L97" s="163"/>
      <c r="M97" s="18" t="s">
        <v>219</v>
      </c>
      <c r="N97" s="19" t="s">
        <v>220</v>
      </c>
      <c r="O97" s="2"/>
      <c r="P97" s="82" t="s">
        <v>85</v>
      </c>
      <c r="Q97" s="19" t="s">
        <v>645</v>
      </c>
    </row>
    <row r="98" spans="12:44" ht="20.25" hidden="1" customHeight="1" x14ac:dyDescent="0.25">
      <c r="L98" s="163"/>
      <c r="M98" s="18" t="s">
        <v>221</v>
      </c>
      <c r="N98" s="19" t="s">
        <v>222</v>
      </c>
      <c r="O98" s="2"/>
      <c r="P98" s="85">
        <v>99</v>
      </c>
      <c r="Q98" s="22" t="s">
        <v>94</v>
      </c>
    </row>
    <row r="99" spans="12:44" ht="20.25" hidden="1" customHeight="1" x14ac:dyDescent="0.25">
      <c r="L99" s="163"/>
      <c r="M99" s="18" t="s">
        <v>223</v>
      </c>
      <c r="N99" s="19" t="s">
        <v>224</v>
      </c>
      <c r="O99" s="2" t="s">
        <v>936</v>
      </c>
      <c r="P99" s="81" t="s">
        <v>65</v>
      </c>
      <c r="Q99" s="16" t="s">
        <v>649</v>
      </c>
    </row>
    <row r="100" spans="12:44" ht="20.25" hidden="1" customHeight="1" x14ac:dyDescent="0.25">
      <c r="L100" s="163"/>
      <c r="M100" s="18" t="s">
        <v>225</v>
      </c>
      <c r="N100" s="19" t="s">
        <v>226</v>
      </c>
      <c r="O100" s="2"/>
      <c r="P100" s="82" t="s">
        <v>490</v>
      </c>
      <c r="Q100" s="19" t="s">
        <v>652</v>
      </c>
    </row>
    <row r="101" spans="12:44" ht="20.25" hidden="1" customHeight="1" x14ac:dyDescent="0.25">
      <c r="L101" s="163"/>
      <c r="M101" s="21" t="s">
        <v>93</v>
      </c>
      <c r="N101" s="22" t="s">
        <v>94</v>
      </c>
      <c r="O101" s="2"/>
      <c r="P101" s="82" t="s">
        <v>172</v>
      </c>
      <c r="Q101" s="19" t="s">
        <v>654</v>
      </c>
    </row>
    <row r="102" spans="12:44" ht="20.25" hidden="1" customHeight="1" x14ac:dyDescent="0.25">
      <c r="L102" s="163" t="s">
        <v>856</v>
      </c>
      <c r="M102" s="15" t="s">
        <v>65</v>
      </c>
      <c r="N102" s="16" t="s">
        <v>229</v>
      </c>
      <c r="O102" s="2"/>
      <c r="P102" s="83" t="s">
        <v>93</v>
      </c>
      <c r="Q102" s="22" t="s">
        <v>94</v>
      </c>
    </row>
    <row r="103" spans="12:44" ht="20.25" hidden="1" customHeight="1" x14ac:dyDescent="0.25">
      <c r="L103" s="163"/>
      <c r="M103" s="18" t="s">
        <v>70</v>
      </c>
      <c r="N103" s="19" t="s">
        <v>231</v>
      </c>
      <c r="O103" s="2" t="s">
        <v>937</v>
      </c>
      <c r="P103" s="43"/>
      <c r="Q103" s="44"/>
      <c r="AO103" s="12"/>
    </row>
    <row r="104" spans="12:44" ht="20.25" hidden="1" customHeight="1" x14ac:dyDescent="0.25">
      <c r="L104" s="163"/>
      <c r="M104" s="18" t="s">
        <v>73</v>
      </c>
      <c r="N104" s="19" t="s">
        <v>232</v>
      </c>
      <c r="O104" s="2" t="s">
        <v>938</v>
      </c>
      <c r="P104" s="43"/>
      <c r="Q104" s="44"/>
      <c r="AO104" s="5"/>
      <c r="AR104" s="91"/>
    </row>
    <row r="105" spans="12:44" ht="20.25" hidden="1" customHeight="1" x14ac:dyDescent="0.25">
      <c r="L105" s="163"/>
      <c r="M105" s="18" t="s">
        <v>76</v>
      </c>
      <c r="N105" s="19" t="s">
        <v>234</v>
      </c>
      <c r="O105" s="2" t="s">
        <v>939</v>
      </c>
      <c r="P105" s="43"/>
      <c r="Q105" s="44"/>
      <c r="AO105" s="1"/>
      <c r="AR105" s="12"/>
    </row>
    <row r="106" spans="12:44" ht="20.25" hidden="1" customHeight="1" x14ac:dyDescent="0.25">
      <c r="L106" s="163"/>
      <c r="M106" s="18" t="s">
        <v>79</v>
      </c>
      <c r="N106" s="19" t="s">
        <v>236</v>
      </c>
      <c r="O106" s="2" t="s">
        <v>910</v>
      </c>
      <c r="P106" s="43"/>
      <c r="Q106" s="44"/>
      <c r="AO106" s="1"/>
      <c r="AR106" s="5"/>
    </row>
    <row r="107" spans="12:44" ht="20.25" hidden="1" customHeight="1" x14ac:dyDescent="0.25">
      <c r="L107" s="163"/>
      <c r="M107" s="18" t="s">
        <v>82</v>
      </c>
      <c r="N107" s="19" t="s">
        <v>237</v>
      </c>
      <c r="O107" s="2" t="s">
        <v>940</v>
      </c>
      <c r="P107" s="81" t="s">
        <v>65</v>
      </c>
      <c r="Q107" s="16" t="s">
        <v>667</v>
      </c>
      <c r="AO107" s="1"/>
      <c r="AR107" s="5"/>
    </row>
    <row r="108" spans="12:44" ht="20.25" hidden="1" customHeight="1" x14ac:dyDescent="0.25">
      <c r="L108" s="163"/>
      <c r="M108" s="18" t="s">
        <v>85</v>
      </c>
      <c r="N108" s="19" t="s">
        <v>238</v>
      </c>
      <c r="O108" s="2"/>
      <c r="P108" s="82" t="s">
        <v>490</v>
      </c>
      <c r="Q108" s="19" t="s">
        <v>670</v>
      </c>
      <c r="AO108" s="1"/>
      <c r="AQ108" s="12"/>
      <c r="AR108" s="5"/>
    </row>
    <row r="109" spans="12:44" ht="20.25" hidden="1" customHeight="1" x14ac:dyDescent="0.25">
      <c r="L109" s="163"/>
      <c r="M109" s="18" t="s">
        <v>88</v>
      </c>
      <c r="N109" s="19" t="s">
        <v>240</v>
      </c>
      <c r="O109" s="2"/>
      <c r="P109" s="85">
        <v>99</v>
      </c>
      <c r="Q109" s="22" t="s">
        <v>94</v>
      </c>
      <c r="AQ109" s="5"/>
      <c r="AR109" s="5"/>
    </row>
    <row r="110" spans="12:44" ht="20.25" hidden="1" customHeight="1" x14ac:dyDescent="0.25">
      <c r="L110" s="163"/>
      <c r="M110" s="18" t="s">
        <v>90</v>
      </c>
      <c r="N110" s="19" t="s">
        <v>242</v>
      </c>
      <c r="O110" s="2" t="s">
        <v>941</v>
      </c>
      <c r="P110" s="81" t="s">
        <v>65</v>
      </c>
      <c r="Q110" s="16" t="s">
        <v>0</v>
      </c>
      <c r="AN110" s="12"/>
      <c r="AR110" s="5"/>
    </row>
    <row r="111" spans="12:44" ht="20.25" hidden="1" customHeight="1" x14ac:dyDescent="0.25">
      <c r="L111" s="163"/>
      <c r="M111" s="18" t="s">
        <v>114</v>
      </c>
      <c r="N111" s="19" t="s">
        <v>244</v>
      </c>
      <c r="O111" s="2"/>
      <c r="P111" s="82" t="s">
        <v>490</v>
      </c>
      <c r="Q111" s="19" t="s">
        <v>675</v>
      </c>
      <c r="AN111" s="5"/>
      <c r="AR111" s="5"/>
    </row>
    <row r="112" spans="12:44" ht="20.25" hidden="1" customHeight="1" x14ac:dyDescent="0.25">
      <c r="L112" s="163"/>
      <c r="M112" s="18" t="s">
        <v>117</v>
      </c>
      <c r="N112" s="19" t="s">
        <v>246</v>
      </c>
      <c r="O112" s="2"/>
      <c r="P112" s="82" t="s">
        <v>73</v>
      </c>
      <c r="Q112" s="19" t="s">
        <v>676</v>
      </c>
      <c r="AR112" s="5"/>
    </row>
    <row r="113" spans="1:50" ht="20.25" hidden="1" customHeight="1" x14ac:dyDescent="0.25">
      <c r="A113" s="91"/>
      <c r="L113" s="163"/>
      <c r="M113" s="18" t="s">
        <v>119</v>
      </c>
      <c r="N113" s="19" t="s">
        <v>248</v>
      </c>
      <c r="O113" s="2"/>
      <c r="P113" s="83" t="s">
        <v>93</v>
      </c>
      <c r="Q113" s="22" t="s">
        <v>94</v>
      </c>
      <c r="AR113" s="5"/>
      <c r="AU113" s="91"/>
    </row>
    <row r="114" spans="1:50" ht="20.25" hidden="1" customHeight="1" x14ac:dyDescent="0.25">
      <c r="A114" s="12"/>
      <c r="L114" s="163"/>
      <c r="M114" s="18" t="s">
        <v>160</v>
      </c>
      <c r="N114" s="19" t="s">
        <v>249</v>
      </c>
      <c r="O114" s="2" t="s">
        <v>942</v>
      </c>
      <c r="P114" s="43"/>
      <c r="Q114" s="44"/>
      <c r="AR114" s="5"/>
      <c r="AS114" s="91"/>
      <c r="AU114" s="12"/>
    </row>
    <row r="115" spans="1:50" ht="20.25" hidden="1" customHeight="1" x14ac:dyDescent="0.25">
      <c r="A115" s="5"/>
      <c r="D115" s="91"/>
      <c r="L115" s="163"/>
      <c r="M115" s="18" t="s">
        <v>163</v>
      </c>
      <c r="N115" s="19" t="s">
        <v>251</v>
      </c>
      <c r="O115" s="2" t="s">
        <v>943</v>
      </c>
      <c r="P115" s="43"/>
      <c r="Q115" s="44"/>
      <c r="AR115" s="5"/>
      <c r="AS115" s="12"/>
      <c r="AU115" s="5"/>
    </row>
    <row r="116" spans="1:50" ht="20.25" hidden="1" customHeight="1" x14ac:dyDescent="0.25">
      <c r="A116" s="5"/>
      <c r="D116" s="12"/>
      <c r="L116" s="163"/>
      <c r="M116" s="18" t="s">
        <v>206</v>
      </c>
      <c r="N116" s="19" t="s">
        <v>252</v>
      </c>
      <c r="O116" s="2" t="s">
        <v>944</v>
      </c>
      <c r="P116" s="43"/>
      <c r="Q116" s="44"/>
      <c r="AP116" s="12"/>
      <c r="AS116" s="5"/>
      <c r="AU116" s="5"/>
    </row>
    <row r="117" spans="1:50" ht="20.25" hidden="1" customHeight="1" x14ac:dyDescent="0.25">
      <c r="A117" s="5"/>
      <c r="B117" s="91"/>
      <c r="C117" s="91"/>
      <c r="D117" s="5"/>
      <c r="E117" s="91"/>
      <c r="F117" s="91"/>
      <c r="G117" s="91"/>
      <c r="H117" s="91"/>
      <c r="I117" s="91"/>
      <c r="J117" s="91"/>
      <c r="K117" s="91"/>
      <c r="L117" s="163"/>
      <c r="M117" s="18" t="s">
        <v>209</v>
      </c>
      <c r="N117" s="19" t="s">
        <v>253</v>
      </c>
      <c r="O117" s="2" t="s">
        <v>945</v>
      </c>
      <c r="P117" s="43"/>
      <c r="Q117" s="44"/>
      <c r="AP117" s="5"/>
      <c r="AS117" s="5"/>
      <c r="AT117" s="91"/>
      <c r="AU117" s="5"/>
    </row>
    <row r="118" spans="1:50" s="6" customFormat="1" ht="20.25" hidden="1" customHeight="1" x14ac:dyDescent="0.25">
      <c r="A118" s="5"/>
      <c r="B118" s="12"/>
      <c r="C118" s="12"/>
      <c r="D118" s="5"/>
      <c r="E118" s="12"/>
      <c r="F118" s="12"/>
      <c r="G118" s="12"/>
      <c r="H118" s="12"/>
      <c r="I118" s="12"/>
      <c r="J118" s="12"/>
      <c r="K118" s="12"/>
      <c r="L118" s="163"/>
      <c r="M118" s="18" t="s">
        <v>211</v>
      </c>
      <c r="N118" s="19" t="s">
        <v>254</v>
      </c>
      <c r="O118" s="2" t="s">
        <v>946</v>
      </c>
      <c r="P118" s="43"/>
      <c r="Q118" s="44"/>
      <c r="R118" s="12"/>
      <c r="S118" s="12"/>
      <c r="T118" s="12"/>
      <c r="U118" s="12"/>
      <c r="V118" s="12"/>
      <c r="W118" s="12"/>
      <c r="X118" s="12"/>
      <c r="Y118" s="12"/>
      <c r="Z118" s="12"/>
      <c r="AA118" s="12"/>
      <c r="AB118" s="12"/>
      <c r="AC118" s="12"/>
      <c r="AD118" s="12"/>
      <c r="AE118" s="12" t="s">
        <v>870</v>
      </c>
      <c r="AF118" s="12"/>
      <c r="AG118" s="12"/>
      <c r="AH118" s="12" t="s">
        <v>871</v>
      </c>
      <c r="AI118" s="12"/>
      <c r="AJ118" s="12"/>
      <c r="AK118" s="12"/>
      <c r="AL118" s="12"/>
      <c r="AM118" s="12"/>
      <c r="AN118" s="1"/>
      <c r="AP118" s="1"/>
      <c r="AQ118" s="1"/>
      <c r="AR118" s="1"/>
      <c r="AS118" s="5"/>
      <c r="AT118" s="12"/>
      <c r="AU118" s="5"/>
      <c r="AV118" s="12"/>
      <c r="AW118" s="12"/>
      <c r="AX118" s="12"/>
    </row>
    <row r="119" spans="1:50" ht="20.25" hidden="1" customHeight="1" x14ac:dyDescent="0.25">
      <c r="A119" s="5"/>
      <c r="B119" s="5"/>
      <c r="C119" s="5"/>
      <c r="D119" s="5"/>
      <c r="E119" s="5"/>
      <c r="F119" s="5"/>
      <c r="G119" s="5"/>
      <c r="H119" s="5"/>
      <c r="I119" s="5"/>
      <c r="J119" s="5"/>
      <c r="K119" s="5"/>
      <c r="L119" s="163"/>
      <c r="M119" s="18" t="s">
        <v>213</v>
      </c>
      <c r="N119" s="19" t="s">
        <v>255</v>
      </c>
      <c r="O119" s="2" t="s">
        <v>910</v>
      </c>
      <c r="P119" s="43"/>
      <c r="Q119" s="44"/>
      <c r="AJ119" s="5"/>
      <c r="AK119" s="5"/>
      <c r="AL119" s="5"/>
      <c r="AS119" s="5"/>
      <c r="AT119" s="5"/>
      <c r="AU119" s="5"/>
    </row>
    <row r="120" spans="1:50" ht="20.25" hidden="1" customHeight="1" x14ac:dyDescent="0.25">
      <c r="A120" s="5"/>
      <c r="B120" s="5"/>
      <c r="C120" s="5"/>
      <c r="D120" s="5"/>
      <c r="E120" s="5"/>
      <c r="F120" s="5"/>
      <c r="G120" s="5"/>
      <c r="H120" s="5"/>
      <c r="I120" s="5"/>
      <c r="J120" s="5"/>
      <c r="K120" s="5"/>
      <c r="L120" s="163"/>
      <c r="M120" s="18" t="s">
        <v>215</v>
      </c>
      <c r="N120" s="19" t="s">
        <v>256</v>
      </c>
      <c r="O120" s="2" t="s">
        <v>947</v>
      </c>
      <c r="P120" s="81" t="s">
        <v>65</v>
      </c>
      <c r="Q120" s="16" t="s">
        <v>693</v>
      </c>
      <c r="AJ120" s="5"/>
      <c r="AK120" s="5"/>
      <c r="AM120" s="6"/>
      <c r="AS120" s="5"/>
      <c r="AT120" s="5"/>
      <c r="AU120" s="5"/>
    </row>
    <row r="121" spans="1:50" ht="20.25" hidden="1" customHeight="1" x14ac:dyDescent="0.25">
      <c r="A121" s="5"/>
      <c r="B121" s="5"/>
      <c r="C121" s="5"/>
      <c r="D121" s="5"/>
      <c r="E121" s="5"/>
      <c r="F121" s="5"/>
      <c r="G121" s="5"/>
      <c r="H121" s="5"/>
      <c r="I121" s="5"/>
      <c r="J121" s="5"/>
      <c r="K121" s="5"/>
      <c r="L121" s="163"/>
      <c r="M121" s="18" t="s">
        <v>217</v>
      </c>
      <c r="N121" s="19" t="s">
        <v>258</v>
      </c>
      <c r="O121" s="2"/>
      <c r="P121" s="82" t="s">
        <v>490</v>
      </c>
      <c r="Q121" s="19" t="s">
        <v>696</v>
      </c>
      <c r="AJ121" s="5"/>
      <c r="AK121" s="5"/>
      <c r="AM121" s="6"/>
      <c r="AS121" s="5"/>
      <c r="AT121" s="5"/>
      <c r="AU121" s="5"/>
    </row>
    <row r="122" spans="1:50" ht="20.25" hidden="1" customHeight="1" x14ac:dyDescent="0.25">
      <c r="A122" s="5"/>
      <c r="B122" s="5"/>
      <c r="C122" s="5"/>
      <c r="D122" s="5"/>
      <c r="E122" s="5"/>
      <c r="F122" s="5"/>
      <c r="G122" s="5"/>
      <c r="H122" s="5"/>
      <c r="I122" s="5"/>
      <c r="J122" s="5"/>
      <c r="K122" s="5"/>
      <c r="L122" s="163"/>
      <c r="M122" s="18" t="s">
        <v>219</v>
      </c>
      <c r="N122" s="19" t="s">
        <v>260</v>
      </c>
      <c r="O122" s="2"/>
      <c r="P122" s="82" t="s">
        <v>73</v>
      </c>
      <c r="Q122" s="19" t="s">
        <v>698</v>
      </c>
      <c r="AJ122" s="5"/>
      <c r="AK122" s="5"/>
      <c r="AM122" s="6"/>
      <c r="AS122" s="5"/>
      <c r="AT122" s="5"/>
      <c r="AU122" s="5"/>
    </row>
    <row r="123" spans="1:50" ht="20.25" hidden="1" customHeight="1" x14ac:dyDescent="0.25">
      <c r="A123" s="5"/>
      <c r="B123" s="5"/>
      <c r="C123" s="5"/>
      <c r="E123" s="5"/>
      <c r="F123" s="5"/>
      <c r="H123" s="5"/>
      <c r="I123" s="5"/>
      <c r="J123" s="5"/>
      <c r="L123" s="163"/>
      <c r="M123" s="18" t="s">
        <v>221</v>
      </c>
      <c r="N123" s="19" t="s">
        <v>261</v>
      </c>
      <c r="O123" s="2"/>
      <c r="P123" s="83" t="s">
        <v>93</v>
      </c>
      <c r="Q123" s="22" t="s">
        <v>94</v>
      </c>
      <c r="AJ123" s="5"/>
      <c r="AK123" s="5"/>
      <c r="AM123" s="6"/>
      <c r="AS123" s="5"/>
      <c r="AT123" s="5"/>
      <c r="AU123" s="5"/>
    </row>
    <row r="124" spans="1:50" ht="20.25" hidden="1" customHeight="1" x14ac:dyDescent="0.25">
      <c r="A124" s="5"/>
      <c r="B124" s="5"/>
      <c r="C124" s="5"/>
      <c r="E124" s="5"/>
      <c r="F124" s="5"/>
      <c r="H124" s="5"/>
      <c r="I124" s="5"/>
      <c r="L124" s="163"/>
      <c r="M124" s="21" t="s">
        <v>93</v>
      </c>
      <c r="N124" s="22" t="s">
        <v>94</v>
      </c>
      <c r="O124" s="2" t="s">
        <v>948</v>
      </c>
      <c r="P124" s="43">
        <v>0</v>
      </c>
      <c r="Q124" s="44" t="s">
        <v>44</v>
      </c>
      <c r="AJ124" s="5"/>
      <c r="AS124" s="5"/>
      <c r="AT124" s="5"/>
      <c r="AU124" s="5"/>
    </row>
    <row r="125" spans="1:50" ht="20.25" hidden="1" customHeight="1" x14ac:dyDescent="0.25">
      <c r="A125" s="5"/>
      <c r="B125" s="5"/>
      <c r="C125" s="5"/>
      <c r="E125" s="5"/>
      <c r="F125" s="5"/>
      <c r="H125" s="5"/>
      <c r="I125" s="5"/>
      <c r="L125" s="163" t="s">
        <v>857</v>
      </c>
      <c r="M125" s="24" t="s">
        <v>65</v>
      </c>
      <c r="N125" s="25" t="s">
        <v>264</v>
      </c>
      <c r="O125" s="2" t="s">
        <v>949</v>
      </c>
      <c r="P125" s="43">
        <v>0</v>
      </c>
      <c r="Q125" s="44" t="s">
        <v>44</v>
      </c>
      <c r="AJ125" s="5"/>
      <c r="AS125" s="5"/>
      <c r="AT125" s="5"/>
      <c r="AU125" s="5"/>
    </row>
    <row r="126" spans="1:50" ht="20.25" hidden="1" customHeight="1" x14ac:dyDescent="0.25">
      <c r="A126" s="5"/>
      <c r="B126" s="5"/>
      <c r="C126" s="5"/>
      <c r="E126" s="5"/>
      <c r="F126" s="5"/>
      <c r="L126" s="163"/>
      <c r="M126" s="18" t="s">
        <v>70</v>
      </c>
      <c r="N126" s="19" t="s">
        <v>267</v>
      </c>
      <c r="O126" s="2" t="s">
        <v>950</v>
      </c>
      <c r="P126" s="81" t="s">
        <v>65</v>
      </c>
      <c r="Q126" s="16" t="s">
        <v>705</v>
      </c>
      <c r="AJ126" s="5"/>
      <c r="AS126" s="5"/>
      <c r="AU126" s="5"/>
    </row>
    <row r="127" spans="1:50" ht="20.25" hidden="1" customHeight="1" x14ac:dyDescent="0.25">
      <c r="A127" s="5"/>
      <c r="B127" s="5"/>
      <c r="C127" s="5"/>
      <c r="F127" s="5"/>
      <c r="L127" s="163"/>
      <c r="M127" s="18" t="s">
        <v>73</v>
      </c>
      <c r="N127" s="19" t="s">
        <v>269</v>
      </c>
      <c r="O127" s="2"/>
      <c r="P127" s="82" t="s">
        <v>490</v>
      </c>
      <c r="Q127" s="19" t="s">
        <v>707</v>
      </c>
      <c r="AJ127" s="5"/>
      <c r="AS127" s="5"/>
      <c r="AU127" s="5"/>
    </row>
    <row r="128" spans="1:50" ht="20.25" hidden="1" customHeight="1" x14ac:dyDescent="0.25">
      <c r="A128" s="5"/>
      <c r="B128" s="5"/>
      <c r="C128" s="5"/>
      <c r="F128" s="5"/>
      <c r="L128" s="163"/>
      <c r="M128" s="18" t="s">
        <v>76</v>
      </c>
      <c r="N128" s="19" t="s">
        <v>270</v>
      </c>
      <c r="O128" s="2"/>
      <c r="P128" s="82" t="s">
        <v>172</v>
      </c>
      <c r="Q128" s="19" t="s">
        <v>709</v>
      </c>
      <c r="AJ128" s="5"/>
      <c r="AS128" s="5"/>
      <c r="AU128" s="5"/>
    </row>
    <row r="129" spans="1:47" ht="20.25" hidden="1" customHeight="1" x14ac:dyDescent="0.25">
      <c r="A129" s="5"/>
      <c r="B129" s="5"/>
      <c r="C129" s="5"/>
      <c r="F129" s="5"/>
      <c r="L129" s="163"/>
      <c r="M129" s="18" t="s">
        <v>79</v>
      </c>
      <c r="N129" s="19" t="s">
        <v>272</v>
      </c>
      <c r="O129" s="2"/>
      <c r="P129" s="83" t="s">
        <v>93</v>
      </c>
      <c r="Q129" s="22" t="s">
        <v>94</v>
      </c>
      <c r="AJ129" s="5"/>
      <c r="AU129" s="5"/>
    </row>
    <row r="130" spans="1:47" ht="20.25" hidden="1" customHeight="1" x14ac:dyDescent="0.25">
      <c r="A130" s="5"/>
      <c r="B130" s="5"/>
      <c r="C130" s="5"/>
      <c r="F130" s="5"/>
      <c r="L130" s="163"/>
      <c r="M130" s="18" t="s">
        <v>82</v>
      </c>
      <c r="N130" s="19" t="s">
        <v>273</v>
      </c>
      <c r="O130" s="2" t="s">
        <v>951</v>
      </c>
      <c r="P130" s="81" t="s">
        <v>65</v>
      </c>
      <c r="Q130" s="16" t="s">
        <v>711</v>
      </c>
    </row>
    <row r="131" spans="1:47" ht="20.25" hidden="1" customHeight="1" x14ac:dyDescent="0.25">
      <c r="A131" s="5"/>
      <c r="B131" s="5"/>
      <c r="F131" s="5"/>
      <c r="L131" s="163"/>
      <c r="M131" s="18" t="s">
        <v>85</v>
      </c>
      <c r="N131" s="19" t="s">
        <v>275</v>
      </c>
      <c r="O131" s="2"/>
      <c r="P131" s="82" t="s">
        <v>70</v>
      </c>
      <c r="Q131" s="19" t="s">
        <v>713</v>
      </c>
    </row>
    <row r="132" spans="1:47" ht="20.25" hidden="1" customHeight="1" x14ac:dyDescent="0.25">
      <c r="A132" s="5"/>
      <c r="B132" s="5"/>
      <c r="F132" s="5"/>
      <c r="L132" s="163"/>
      <c r="M132" s="18" t="s">
        <v>88</v>
      </c>
      <c r="N132" s="19" t="s">
        <v>277</v>
      </c>
      <c r="O132" s="2"/>
      <c r="P132" s="82" t="s">
        <v>172</v>
      </c>
      <c r="Q132" s="19" t="s">
        <v>715</v>
      </c>
    </row>
    <row r="133" spans="1:47" ht="20.25" hidden="1" customHeight="1" x14ac:dyDescent="0.25">
      <c r="A133" s="5"/>
      <c r="B133" s="5"/>
      <c r="F133" s="5"/>
      <c r="L133" s="163"/>
      <c r="M133" s="18" t="s">
        <v>90</v>
      </c>
      <c r="N133" s="19" t="s">
        <v>279</v>
      </c>
      <c r="O133" s="2"/>
      <c r="P133" s="82" t="s">
        <v>76</v>
      </c>
      <c r="Q133" s="19" t="s">
        <v>716</v>
      </c>
    </row>
    <row r="134" spans="1:47" ht="20.25" hidden="1" customHeight="1" x14ac:dyDescent="0.25">
      <c r="A134" s="5"/>
      <c r="B134" s="5"/>
      <c r="F134" s="5"/>
      <c r="L134" s="163"/>
      <c r="M134" s="18" t="s">
        <v>114</v>
      </c>
      <c r="N134" s="19" t="s">
        <v>281</v>
      </c>
      <c r="O134" s="2"/>
      <c r="P134" s="83" t="s">
        <v>93</v>
      </c>
      <c r="Q134" s="22" t="s">
        <v>94</v>
      </c>
    </row>
    <row r="135" spans="1:47" ht="20.25" hidden="1" customHeight="1" x14ac:dyDescent="0.25">
      <c r="A135" s="5"/>
      <c r="B135" s="5"/>
      <c r="F135" s="5"/>
      <c r="L135" s="163"/>
      <c r="M135" s="18" t="s">
        <v>117</v>
      </c>
      <c r="N135" s="19" t="s">
        <v>283</v>
      </c>
      <c r="O135" s="2" t="s">
        <v>952</v>
      </c>
      <c r="P135" s="43"/>
      <c r="Q135" s="44"/>
    </row>
    <row r="136" spans="1:47" ht="20.25" hidden="1" customHeight="1" x14ac:dyDescent="0.25">
      <c r="A136" s="5"/>
      <c r="B136" s="5"/>
      <c r="F136" s="5"/>
      <c r="L136" s="163"/>
      <c r="M136" s="21" t="s">
        <v>93</v>
      </c>
      <c r="N136" s="22" t="s">
        <v>94</v>
      </c>
      <c r="O136" s="2" t="s">
        <v>953</v>
      </c>
      <c r="P136" s="43"/>
      <c r="Q136" s="44"/>
    </row>
    <row r="137" spans="1:47" ht="20.25" hidden="1" customHeight="1" x14ac:dyDescent="0.25">
      <c r="A137" s="5"/>
      <c r="B137" s="5"/>
      <c r="F137" s="5"/>
      <c r="L137" s="163" t="s">
        <v>858</v>
      </c>
      <c r="M137" s="15" t="s">
        <v>65</v>
      </c>
      <c r="N137" s="16" t="s">
        <v>287</v>
      </c>
      <c r="O137" s="2" t="s">
        <v>954</v>
      </c>
      <c r="P137" s="81" t="s">
        <v>65</v>
      </c>
      <c r="Q137" s="16" t="s">
        <v>722</v>
      </c>
    </row>
    <row r="138" spans="1:47" ht="20.25" hidden="1" customHeight="1" x14ac:dyDescent="0.25">
      <c r="A138" s="5"/>
      <c r="B138" s="5"/>
      <c r="L138" s="163"/>
      <c r="M138" s="18" t="s">
        <v>70</v>
      </c>
      <c r="N138" s="19" t="s">
        <v>289</v>
      </c>
      <c r="O138" s="2"/>
      <c r="P138" s="82" t="s">
        <v>70</v>
      </c>
      <c r="Q138" s="19" t="s">
        <v>724</v>
      </c>
    </row>
    <row r="139" spans="1:47" ht="20.25" hidden="1" customHeight="1" x14ac:dyDescent="0.25">
      <c r="A139" s="5"/>
      <c r="B139" s="5"/>
      <c r="C139" s="6"/>
      <c r="L139" s="163"/>
      <c r="M139" s="18" t="s">
        <v>73</v>
      </c>
      <c r="N139" s="19" t="s">
        <v>290</v>
      </c>
      <c r="O139" s="2"/>
      <c r="P139" s="82" t="s">
        <v>172</v>
      </c>
      <c r="Q139" s="19" t="s">
        <v>726</v>
      </c>
    </row>
    <row r="140" spans="1:47" ht="20.25" hidden="1" customHeight="1" x14ac:dyDescent="0.25">
      <c r="B140" s="5"/>
      <c r="C140" s="6"/>
      <c r="L140" s="163"/>
      <c r="M140" s="18" t="s">
        <v>76</v>
      </c>
      <c r="N140" s="19" t="s">
        <v>291</v>
      </c>
      <c r="O140" s="2"/>
      <c r="P140" s="83" t="s">
        <v>93</v>
      </c>
      <c r="Q140" s="22" t="s">
        <v>94</v>
      </c>
    </row>
    <row r="141" spans="1:47" ht="20.25" hidden="1" customHeight="1" x14ac:dyDescent="0.25">
      <c r="B141" s="5"/>
      <c r="C141" s="6"/>
      <c r="L141" s="163"/>
      <c r="M141" s="18" t="s">
        <v>79</v>
      </c>
      <c r="N141" s="19" t="s">
        <v>293</v>
      </c>
      <c r="O141" s="2" t="s">
        <v>955</v>
      </c>
      <c r="P141" s="43"/>
      <c r="Q141" s="44"/>
    </row>
    <row r="142" spans="1:47" ht="20.25" hidden="1" customHeight="1" x14ac:dyDescent="0.25">
      <c r="C142" s="6"/>
      <c r="L142" s="163"/>
      <c r="M142" s="18" t="s">
        <v>82</v>
      </c>
      <c r="N142" s="19" t="s">
        <v>294</v>
      </c>
      <c r="O142" s="2" t="s">
        <v>910</v>
      </c>
      <c r="P142" s="43"/>
      <c r="Q142" s="44"/>
    </row>
    <row r="143" spans="1:47" ht="20.25" hidden="1" customHeight="1" x14ac:dyDescent="0.25">
      <c r="C143" s="6"/>
      <c r="L143" s="163"/>
      <c r="M143" s="18" t="s">
        <v>85</v>
      </c>
      <c r="N143" s="19" t="s">
        <v>295</v>
      </c>
      <c r="O143" s="2" t="s">
        <v>956</v>
      </c>
      <c r="P143" s="81" t="s">
        <v>65</v>
      </c>
      <c r="Q143" s="16" t="s">
        <v>735</v>
      </c>
    </row>
    <row r="144" spans="1:47" ht="20.25" hidden="1" customHeight="1" x14ac:dyDescent="0.25">
      <c r="C144" s="6"/>
      <c r="L144" s="163"/>
      <c r="M144" s="18" t="s">
        <v>88</v>
      </c>
      <c r="N144" s="19" t="s">
        <v>296</v>
      </c>
      <c r="O144" s="2"/>
      <c r="P144" s="82" t="s">
        <v>490</v>
      </c>
      <c r="Q144" s="19" t="s">
        <v>1214</v>
      </c>
    </row>
    <row r="145" spans="3:17" ht="20.25" hidden="1" customHeight="1" x14ac:dyDescent="0.25">
      <c r="C145" s="6"/>
      <c r="L145" s="163"/>
      <c r="M145" s="18" t="s">
        <v>90</v>
      </c>
      <c r="N145" s="19" t="s">
        <v>297</v>
      </c>
      <c r="O145" s="2"/>
      <c r="P145" s="82" t="s">
        <v>73</v>
      </c>
      <c r="Q145" s="19" t="s">
        <v>741</v>
      </c>
    </row>
    <row r="146" spans="3:17" ht="20.25" hidden="1" customHeight="1" x14ac:dyDescent="0.25">
      <c r="C146" s="6"/>
      <c r="L146" s="163"/>
      <c r="M146" s="18" t="s">
        <v>114</v>
      </c>
      <c r="N146" s="19" t="s">
        <v>299</v>
      </c>
      <c r="O146" s="2"/>
      <c r="P146" s="83" t="s">
        <v>93</v>
      </c>
      <c r="Q146" s="22" t="s">
        <v>94</v>
      </c>
    </row>
    <row r="147" spans="3:17" ht="20.25" hidden="1" customHeight="1" x14ac:dyDescent="0.25">
      <c r="C147" s="6"/>
      <c r="L147" s="163"/>
      <c r="M147" s="18" t="s">
        <v>117</v>
      </c>
      <c r="N147" s="19" t="s">
        <v>300</v>
      </c>
      <c r="O147" s="2" t="s">
        <v>957</v>
      </c>
      <c r="P147" s="43"/>
      <c r="Q147" s="44"/>
    </row>
    <row r="148" spans="3:17" ht="20.25" hidden="1" customHeight="1" x14ac:dyDescent="0.25">
      <c r="C148" s="6"/>
      <c r="L148" s="163"/>
      <c r="M148" s="18" t="s">
        <v>119</v>
      </c>
      <c r="N148" s="19" t="s">
        <v>301</v>
      </c>
      <c r="O148" s="2" t="s">
        <v>958</v>
      </c>
      <c r="P148" s="43"/>
      <c r="Q148" s="44"/>
    </row>
    <row r="149" spans="3:17" ht="20.25" hidden="1" customHeight="1" x14ac:dyDescent="0.25">
      <c r="C149" s="6"/>
      <c r="L149" s="163"/>
      <c r="M149" s="18" t="s">
        <v>160</v>
      </c>
      <c r="N149" s="19" t="s">
        <v>303</v>
      </c>
      <c r="O149" s="2" t="s">
        <v>959</v>
      </c>
      <c r="P149" s="43"/>
      <c r="Q149" s="44"/>
    </row>
    <row r="150" spans="3:17" ht="20.25" hidden="1" customHeight="1" x14ac:dyDescent="0.25">
      <c r="C150" s="6"/>
      <c r="L150" s="163"/>
      <c r="M150" s="21" t="s">
        <v>93</v>
      </c>
      <c r="N150" s="22" t="s">
        <v>94</v>
      </c>
      <c r="O150" s="2" t="s">
        <v>960</v>
      </c>
      <c r="P150" s="43"/>
      <c r="Q150" s="44"/>
    </row>
    <row r="151" spans="3:17" ht="20.25" hidden="1" customHeight="1" x14ac:dyDescent="0.25">
      <c r="L151" s="163" t="s">
        <v>859</v>
      </c>
      <c r="M151" s="15" t="s">
        <v>65</v>
      </c>
      <c r="N151" s="16" t="s">
        <v>306</v>
      </c>
      <c r="O151" s="2" t="s">
        <v>961</v>
      </c>
      <c r="P151" s="43"/>
      <c r="Q151" s="44"/>
    </row>
    <row r="152" spans="3:17" ht="20.25" hidden="1" customHeight="1" x14ac:dyDescent="0.25">
      <c r="L152" s="163"/>
      <c r="M152" s="18" t="s">
        <v>70</v>
      </c>
      <c r="N152" s="19" t="s">
        <v>308</v>
      </c>
      <c r="O152" s="2" t="s">
        <v>962</v>
      </c>
      <c r="P152" s="43"/>
      <c r="Q152" s="44"/>
    </row>
    <row r="153" spans="3:17" ht="20.25" hidden="1" customHeight="1" x14ac:dyDescent="0.25">
      <c r="L153" s="163"/>
      <c r="M153" s="18" t="s">
        <v>73</v>
      </c>
      <c r="N153" s="19" t="s">
        <v>309</v>
      </c>
      <c r="O153" s="2" t="s">
        <v>910</v>
      </c>
      <c r="P153" s="43"/>
      <c r="Q153" s="44"/>
    </row>
    <row r="154" spans="3:17" ht="20.25" hidden="1" customHeight="1" x14ac:dyDescent="0.25">
      <c r="L154" s="163"/>
      <c r="M154" s="18" t="s">
        <v>76</v>
      </c>
      <c r="N154" s="19" t="s">
        <v>310</v>
      </c>
      <c r="O154" s="2" t="s">
        <v>963</v>
      </c>
      <c r="P154" s="43"/>
      <c r="Q154" s="44"/>
    </row>
    <row r="155" spans="3:17" ht="20.25" hidden="1" customHeight="1" x14ac:dyDescent="0.25">
      <c r="L155" s="163"/>
      <c r="M155" s="18" t="s">
        <v>79</v>
      </c>
      <c r="N155" s="19" t="s">
        <v>1215</v>
      </c>
      <c r="O155" s="2" t="s">
        <v>964</v>
      </c>
      <c r="P155" s="43"/>
      <c r="Q155" s="44"/>
    </row>
    <row r="156" spans="3:17" ht="20.25" hidden="1" customHeight="1" x14ac:dyDescent="0.25">
      <c r="L156" s="163"/>
      <c r="M156" s="18" t="s">
        <v>82</v>
      </c>
      <c r="N156" s="19" t="s">
        <v>313</v>
      </c>
      <c r="O156" s="2" t="s">
        <v>965</v>
      </c>
      <c r="P156" s="43"/>
      <c r="Q156" s="44"/>
    </row>
    <row r="157" spans="3:17" ht="20.25" hidden="1" customHeight="1" x14ac:dyDescent="0.25">
      <c r="L157" s="163"/>
      <c r="M157" s="18" t="s">
        <v>85</v>
      </c>
      <c r="N157" s="19" t="s">
        <v>315</v>
      </c>
      <c r="O157" s="2" t="s">
        <v>966</v>
      </c>
      <c r="P157" s="43"/>
      <c r="Q157" s="44"/>
    </row>
    <row r="158" spans="3:17" ht="20.25" hidden="1" customHeight="1" x14ac:dyDescent="0.25">
      <c r="L158" s="163"/>
      <c r="M158" s="21" t="s">
        <v>93</v>
      </c>
      <c r="N158" s="22" t="s">
        <v>94</v>
      </c>
      <c r="O158" s="2" t="s">
        <v>967</v>
      </c>
      <c r="P158" s="43"/>
      <c r="Q158" s="44"/>
    </row>
    <row r="159" spans="3:17" ht="20.25" hidden="1" customHeight="1" x14ac:dyDescent="0.25">
      <c r="L159" s="163" t="s">
        <v>860</v>
      </c>
      <c r="M159" s="15" t="s">
        <v>65</v>
      </c>
      <c r="N159" s="16" t="s">
        <v>319</v>
      </c>
      <c r="O159" s="2" t="s">
        <v>910</v>
      </c>
      <c r="P159" s="43"/>
      <c r="Q159" s="44"/>
    </row>
    <row r="160" spans="3:17" ht="20.25" hidden="1" customHeight="1" x14ac:dyDescent="0.25">
      <c r="L160" s="163"/>
      <c r="M160" s="18" t="s">
        <v>70</v>
      </c>
      <c r="N160" s="19" t="s">
        <v>321</v>
      </c>
      <c r="O160" s="2" t="s">
        <v>968</v>
      </c>
      <c r="P160" s="81" t="s">
        <v>65</v>
      </c>
      <c r="Q160" s="16" t="s">
        <v>774</v>
      </c>
    </row>
    <row r="161" spans="12:17" ht="20.25" hidden="1" customHeight="1" x14ac:dyDescent="0.25">
      <c r="L161" s="163"/>
      <c r="M161" s="18" t="s">
        <v>73</v>
      </c>
      <c r="N161" s="19" t="s">
        <v>322</v>
      </c>
      <c r="O161" s="2"/>
      <c r="P161" s="82" t="s">
        <v>70</v>
      </c>
      <c r="Q161" s="19" t="s">
        <v>777</v>
      </c>
    </row>
    <row r="162" spans="12:17" ht="20.25" hidden="1" customHeight="1" x14ac:dyDescent="0.25">
      <c r="L162" s="163"/>
      <c r="M162" s="18" t="s">
        <v>76</v>
      </c>
      <c r="N162" s="19" t="s">
        <v>324</v>
      </c>
      <c r="O162" s="2"/>
      <c r="P162" s="82" t="s">
        <v>172</v>
      </c>
      <c r="Q162" s="19" t="s">
        <v>778</v>
      </c>
    </row>
    <row r="163" spans="12:17" ht="20.25" hidden="1" customHeight="1" x14ac:dyDescent="0.25">
      <c r="L163" s="163"/>
      <c r="M163" s="18" t="s">
        <v>79</v>
      </c>
      <c r="N163" s="19" t="s">
        <v>326</v>
      </c>
      <c r="O163" s="2"/>
      <c r="P163" s="82" t="s">
        <v>142</v>
      </c>
      <c r="Q163" s="19" t="s">
        <v>780</v>
      </c>
    </row>
    <row r="164" spans="12:17" ht="20.25" hidden="1" customHeight="1" x14ac:dyDescent="0.25">
      <c r="L164" s="163"/>
      <c r="M164" s="18" t="s">
        <v>82</v>
      </c>
      <c r="N164" s="19" t="s">
        <v>328</v>
      </c>
      <c r="O164" s="2"/>
      <c r="P164" s="83" t="s">
        <v>93</v>
      </c>
      <c r="Q164" s="22" t="s">
        <v>94</v>
      </c>
    </row>
    <row r="165" spans="12:17" ht="20.25" hidden="1" customHeight="1" x14ac:dyDescent="0.25">
      <c r="L165" s="163"/>
      <c r="M165" s="18" t="s">
        <v>85</v>
      </c>
      <c r="N165" s="19" t="s">
        <v>329</v>
      </c>
      <c r="O165" s="2" t="s">
        <v>969</v>
      </c>
      <c r="P165" s="43"/>
      <c r="Q165" s="44"/>
    </row>
    <row r="166" spans="12:17" ht="20.25" hidden="1" customHeight="1" x14ac:dyDescent="0.25">
      <c r="L166" s="163"/>
      <c r="M166" s="18" t="s">
        <v>88</v>
      </c>
      <c r="N166" s="19" t="s">
        <v>330</v>
      </c>
      <c r="O166" s="2" t="s">
        <v>910</v>
      </c>
      <c r="P166" s="43"/>
      <c r="Q166" s="44"/>
    </row>
    <row r="167" spans="12:17" ht="20.25" hidden="1" customHeight="1" x14ac:dyDescent="0.25">
      <c r="L167" s="163"/>
      <c r="M167" s="18" t="s">
        <v>90</v>
      </c>
      <c r="N167" s="19" t="s">
        <v>332</v>
      </c>
      <c r="O167" s="2" t="s">
        <v>970</v>
      </c>
      <c r="P167" s="81" t="s">
        <v>65</v>
      </c>
      <c r="Q167" s="16" t="s">
        <v>86</v>
      </c>
    </row>
    <row r="168" spans="12:17" ht="20.25" hidden="1" customHeight="1" x14ac:dyDescent="0.25">
      <c r="L168" s="163"/>
      <c r="M168" s="18" t="s">
        <v>114</v>
      </c>
      <c r="N168" s="19" t="s">
        <v>334</v>
      </c>
      <c r="O168" s="2"/>
      <c r="P168" s="82" t="s">
        <v>70</v>
      </c>
      <c r="Q168" s="19" t="s">
        <v>785</v>
      </c>
    </row>
    <row r="169" spans="12:17" ht="20.25" hidden="1" customHeight="1" x14ac:dyDescent="0.25">
      <c r="L169" s="163"/>
      <c r="M169" s="18" t="s">
        <v>117</v>
      </c>
      <c r="N169" s="19" t="s">
        <v>335</v>
      </c>
      <c r="O169" s="2"/>
      <c r="P169" s="83" t="s">
        <v>93</v>
      </c>
      <c r="Q169" s="22" t="s">
        <v>94</v>
      </c>
    </row>
    <row r="170" spans="12:17" ht="20.25" hidden="1" customHeight="1" x14ac:dyDescent="0.25">
      <c r="L170" s="163"/>
      <c r="M170" s="18" t="s">
        <v>119</v>
      </c>
      <c r="N170" s="19" t="s">
        <v>337</v>
      </c>
      <c r="O170" s="2" t="s">
        <v>971</v>
      </c>
      <c r="P170" s="43"/>
      <c r="Q170" s="44"/>
    </row>
    <row r="171" spans="12:17" ht="20.25" hidden="1" customHeight="1" x14ac:dyDescent="0.25">
      <c r="L171" s="163"/>
      <c r="M171" s="18" t="s">
        <v>160</v>
      </c>
      <c r="N171" s="19" t="s">
        <v>338</v>
      </c>
      <c r="O171" s="2" t="s">
        <v>972</v>
      </c>
      <c r="P171" s="43"/>
      <c r="Q171" s="44"/>
    </row>
    <row r="172" spans="12:17" ht="20.25" hidden="1" customHeight="1" x14ac:dyDescent="0.25">
      <c r="L172" s="163"/>
      <c r="M172" s="18" t="s">
        <v>163</v>
      </c>
      <c r="N172" s="19" t="s">
        <v>339</v>
      </c>
      <c r="O172" s="2" t="s">
        <v>973</v>
      </c>
      <c r="P172" s="43"/>
      <c r="Q172" s="44"/>
    </row>
    <row r="173" spans="12:17" ht="20.25" hidden="1" customHeight="1" x14ac:dyDescent="0.25">
      <c r="L173" s="163"/>
      <c r="M173" s="18" t="s">
        <v>206</v>
      </c>
      <c r="N173" s="19" t="s">
        <v>340</v>
      </c>
      <c r="O173" s="2" t="s">
        <v>974</v>
      </c>
      <c r="P173" s="43"/>
      <c r="Q173" s="44"/>
    </row>
    <row r="174" spans="12:17" ht="20.25" hidden="1" customHeight="1" x14ac:dyDescent="0.25">
      <c r="L174" s="163"/>
      <c r="M174" s="18" t="s">
        <v>209</v>
      </c>
      <c r="N174" s="19" t="s">
        <v>341</v>
      </c>
      <c r="O174" s="2" t="s">
        <v>910</v>
      </c>
      <c r="P174" s="43"/>
      <c r="Q174" s="44"/>
    </row>
    <row r="175" spans="12:17" ht="20.25" hidden="1" customHeight="1" x14ac:dyDescent="0.25">
      <c r="L175" s="163"/>
      <c r="M175" s="18" t="s">
        <v>211</v>
      </c>
      <c r="N175" s="19" t="s">
        <v>342</v>
      </c>
      <c r="O175" s="2" t="s">
        <v>975</v>
      </c>
      <c r="P175" s="43"/>
      <c r="Q175" s="44"/>
    </row>
    <row r="176" spans="12:17" ht="20.25" hidden="1" customHeight="1" x14ac:dyDescent="0.25">
      <c r="L176" s="163"/>
      <c r="M176" s="18" t="s">
        <v>213</v>
      </c>
      <c r="N176" s="19" t="s">
        <v>343</v>
      </c>
      <c r="O176" s="2" t="s">
        <v>976</v>
      </c>
      <c r="P176" s="43"/>
      <c r="Q176" s="44"/>
    </row>
    <row r="177" spans="12:17" ht="20.25" hidden="1" customHeight="1" x14ac:dyDescent="0.25">
      <c r="L177" s="163"/>
      <c r="M177" s="21" t="s">
        <v>93</v>
      </c>
      <c r="N177" s="22" t="s">
        <v>94</v>
      </c>
      <c r="O177" s="2" t="s">
        <v>977</v>
      </c>
      <c r="P177" s="43"/>
      <c r="Q177" s="44"/>
    </row>
    <row r="178" spans="12:17" ht="20.25" hidden="1" customHeight="1" x14ac:dyDescent="0.25">
      <c r="L178" s="163" t="s">
        <v>861</v>
      </c>
      <c r="M178" s="15" t="s">
        <v>65</v>
      </c>
      <c r="N178" s="16" t="s">
        <v>346</v>
      </c>
      <c r="O178" s="2" t="s">
        <v>978</v>
      </c>
      <c r="P178" s="43"/>
      <c r="Q178" s="44"/>
    </row>
    <row r="179" spans="12:17" ht="20.25" hidden="1" customHeight="1" x14ac:dyDescent="0.25">
      <c r="L179" s="163"/>
      <c r="M179" s="18" t="s">
        <v>70</v>
      </c>
      <c r="N179" s="19" t="s">
        <v>347</v>
      </c>
      <c r="O179" s="2" t="s">
        <v>979</v>
      </c>
      <c r="P179" s="43"/>
      <c r="Q179" s="44"/>
    </row>
    <row r="180" spans="12:17" ht="20.25" hidden="1" customHeight="1" x14ac:dyDescent="0.25">
      <c r="L180" s="163"/>
      <c r="M180" s="18" t="s">
        <v>172</v>
      </c>
      <c r="N180" s="19" t="s">
        <v>348</v>
      </c>
      <c r="O180" s="2" t="s">
        <v>980</v>
      </c>
      <c r="P180" s="43"/>
      <c r="Q180" s="44"/>
    </row>
    <row r="181" spans="12:17" ht="20.25" hidden="1" customHeight="1" x14ac:dyDescent="0.25">
      <c r="L181" s="163"/>
      <c r="M181" s="21" t="s">
        <v>93</v>
      </c>
      <c r="N181" s="22" t="s">
        <v>94</v>
      </c>
      <c r="O181" s="2" t="s">
        <v>981</v>
      </c>
      <c r="P181" s="43"/>
      <c r="Q181" s="44"/>
    </row>
    <row r="182" spans="12:17" ht="20.25" hidden="1" customHeight="1" x14ac:dyDescent="0.25">
      <c r="L182" s="163" t="s">
        <v>862</v>
      </c>
      <c r="M182" s="15" t="s">
        <v>65</v>
      </c>
      <c r="N182" s="16" t="s">
        <v>34</v>
      </c>
      <c r="O182" s="2" t="s">
        <v>982</v>
      </c>
      <c r="P182" s="43"/>
      <c r="Q182" s="44"/>
    </row>
    <row r="183" spans="12:17" ht="20.25" hidden="1" customHeight="1" x14ac:dyDescent="0.25">
      <c r="L183" s="163"/>
      <c r="M183" s="18" t="s">
        <v>70</v>
      </c>
      <c r="N183" s="19" t="s">
        <v>352</v>
      </c>
      <c r="O183" s="2" t="s">
        <v>983</v>
      </c>
      <c r="P183" s="43"/>
      <c r="Q183" s="44"/>
    </row>
    <row r="184" spans="12:17" ht="20.25" hidden="1" customHeight="1" x14ac:dyDescent="0.25">
      <c r="L184" s="163"/>
      <c r="M184" s="18" t="s">
        <v>73</v>
      </c>
      <c r="N184" s="19" t="s">
        <v>354</v>
      </c>
      <c r="O184" s="2" t="s">
        <v>984</v>
      </c>
      <c r="P184" s="86" t="s">
        <v>65</v>
      </c>
      <c r="Q184" s="64" t="s">
        <v>815</v>
      </c>
    </row>
    <row r="185" spans="12:17" ht="20.25" hidden="1" customHeight="1" x14ac:dyDescent="0.25">
      <c r="L185" s="163"/>
      <c r="M185" s="18" t="s">
        <v>76</v>
      </c>
      <c r="N185" s="19" t="s">
        <v>355</v>
      </c>
      <c r="O185" s="2"/>
      <c r="P185" s="87" t="s">
        <v>70</v>
      </c>
      <c r="Q185" s="66" t="s">
        <v>817</v>
      </c>
    </row>
    <row r="186" spans="12:17" ht="20.25" hidden="1" customHeight="1" x14ac:dyDescent="0.2">
      <c r="L186" s="163"/>
      <c r="M186" s="18" t="s">
        <v>79</v>
      </c>
      <c r="N186" s="19" t="s">
        <v>357</v>
      </c>
      <c r="O186" s="2"/>
      <c r="P186" s="88" t="s">
        <v>93</v>
      </c>
      <c r="Q186" s="68" t="s">
        <v>94</v>
      </c>
    </row>
    <row r="187" spans="12:17" ht="20.25" hidden="1" customHeight="1" x14ac:dyDescent="0.25">
      <c r="L187" s="163"/>
      <c r="M187" s="18" t="s">
        <v>82</v>
      </c>
      <c r="N187" s="19" t="s">
        <v>359</v>
      </c>
      <c r="O187" s="2" t="s">
        <v>985</v>
      </c>
      <c r="P187" s="43"/>
      <c r="Q187" s="44"/>
    </row>
    <row r="188" spans="12:17" ht="20.25" hidden="1" customHeight="1" x14ac:dyDescent="0.25">
      <c r="L188" s="163"/>
      <c r="M188" s="21" t="s">
        <v>93</v>
      </c>
      <c r="N188" s="22" t="s">
        <v>94</v>
      </c>
      <c r="O188" s="167" t="s">
        <v>986</v>
      </c>
      <c r="P188" s="86" t="s">
        <v>65</v>
      </c>
      <c r="Q188" s="64" t="s">
        <v>821</v>
      </c>
    </row>
    <row r="189" spans="12:17" ht="20.25" hidden="1" customHeight="1" x14ac:dyDescent="0.2">
      <c r="L189" s="163" t="s">
        <v>863</v>
      </c>
      <c r="M189" s="15" t="s">
        <v>65</v>
      </c>
      <c r="N189" s="16" t="s">
        <v>362</v>
      </c>
      <c r="O189" s="2"/>
      <c r="P189" s="89" t="s">
        <v>70</v>
      </c>
      <c r="Q189" s="71" t="s">
        <v>822</v>
      </c>
    </row>
    <row r="190" spans="12:17" ht="20.25" hidden="1" customHeight="1" x14ac:dyDescent="0.2">
      <c r="L190" s="163"/>
      <c r="M190" s="18" t="s">
        <v>70</v>
      </c>
      <c r="N190" s="19" t="s">
        <v>364</v>
      </c>
      <c r="O190" s="2"/>
      <c r="P190" s="90" t="s">
        <v>93</v>
      </c>
      <c r="Q190" s="73" t="s">
        <v>94</v>
      </c>
    </row>
    <row r="191" spans="12:17" ht="20.25" hidden="1" customHeight="1" x14ac:dyDescent="0.25">
      <c r="L191" s="163"/>
      <c r="M191" s="18" t="s">
        <v>73</v>
      </c>
      <c r="N191" s="19" t="s">
        <v>366</v>
      </c>
      <c r="O191" s="2" t="s">
        <v>987</v>
      </c>
      <c r="P191" s="43"/>
      <c r="Q191" s="44"/>
    </row>
    <row r="192" spans="12:17" ht="20.25" hidden="1" customHeight="1" x14ac:dyDescent="0.25">
      <c r="L192" s="163"/>
      <c r="M192" s="18" t="s">
        <v>76</v>
      </c>
      <c r="N192" s="19" t="s">
        <v>368</v>
      </c>
      <c r="O192" s="2" t="s">
        <v>988</v>
      </c>
      <c r="P192" s="43"/>
      <c r="Q192" s="44"/>
    </row>
    <row r="193" spans="12:17" ht="20.25" hidden="1" customHeight="1" x14ac:dyDescent="0.25">
      <c r="L193" s="163"/>
      <c r="M193" s="18" t="s">
        <v>79</v>
      </c>
      <c r="N193" s="19" t="s">
        <v>370</v>
      </c>
      <c r="O193" s="2" t="s">
        <v>910</v>
      </c>
      <c r="P193" s="43"/>
      <c r="Q193" s="44"/>
    </row>
    <row r="194" spans="12:17" ht="20.25" hidden="1" customHeight="1" x14ac:dyDescent="0.25">
      <c r="L194" s="163"/>
      <c r="M194" s="18" t="s">
        <v>82</v>
      </c>
      <c r="N194" s="19" t="s">
        <v>371</v>
      </c>
    </row>
    <row r="195" spans="12:17" ht="20.25" hidden="1" customHeight="1" x14ac:dyDescent="0.25">
      <c r="L195" s="163"/>
      <c r="M195" s="21" t="s">
        <v>93</v>
      </c>
      <c r="N195" s="22" t="s">
        <v>94</v>
      </c>
    </row>
    <row r="196" spans="12:17" ht="20.25" hidden="1" customHeight="1" x14ac:dyDescent="0.25">
      <c r="L196" s="163" t="s">
        <v>864</v>
      </c>
      <c r="M196" s="15" t="s">
        <v>65</v>
      </c>
      <c r="N196" s="16" t="s">
        <v>375</v>
      </c>
    </row>
    <row r="197" spans="12:17" ht="20.25" hidden="1" customHeight="1" x14ac:dyDescent="0.25">
      <c r="L197" s="163"/>
      <c r="M197" s="18" t="s">
        <v>70</v>
      </c>
      <c r="N197" s="19" t="s">
        <v>378</v>
      </c>
    </row>
    <row r="198" spans="12:17" ht="20.25" hidden="1" customHeight="1" x14ac:dyDescent="0.25">
      <c r="L198" s="163"/>
      <c r="M198" s="18" t="s">
        <v>73</v>
      </c>
      <c r="N198" s="19" t="s">
        <v>380</v>
      </c>
    </row>
    <row r="199" spans="12:17" ht="20.25" hidden="1" customHeight="1" x14ac:dyDescent="0.25">
      <c r="L199" s="163"/>
      <c r="M199" s="18" t="s">
        <v>76</v>
      </c>
      <c r="N199" s="19" t="s">
        <v>382</v>
      </c>
    </row>
    <row r="200" spans="12:17" ht="20.25" hidden="1" customHeight="1" x14ac:dyDescent="0.25">
      <c r="L200" s="163"/>
      <c r="M200" s="21" t="s">
        <v>93</v>
      </c>
      <c r="N200" s="22" t="s">
        <v>94</v>
      </c>
    </row>
    <row r="201" spans="12:17" ht="20.25" hidden="1" customHeight="1" x14ac:dyDescent="0.25">
      <c r="L201" s="163" t="s">
        <v>865</v>
      </c>
      <c r="M201" s="15" t="s">
        <v>65</v>
      </c>
      <c r="N201" s="16" t="s">
        <v>384</v>
      </c>
    </row>
    <row r="202" spans="12:17" ht="20.25" hidden="1" customHeight="1" x14ac:dyDescent="0.25">
      <c r="L202" s="163"/>
      <c r="M202" s="18" t="s">
        <v>70</v>
      </c>
      <c r="N202" s="19" t="s">
        <v>386</v>
      </c>
    </row>
    <row r="203" spans="12:17" ht="20.25" hidden="1" customHeight="1" x14ac:dyDescent="0.25">
      <c r="L203" s="163"/>
      <c r="M203" s="18" t="s">
        <v>73</v>
      </c>
      <c r="N203" s="19" t="s">
        <v>387</v>
      </c>
    </row>
    <row r="204" spans="12:17" ht="20.25" hidden="1" customHeight="1" x14ac:dyDescent="0.25">
      <c r="L204" s="163"/>
      <c r="M204" s="21" t="s">
        <v>93</v>
      </c>
      <c r="N204" s="22" t="s">
        <v>94</v>
      </c>
    </row>
    <row r="205" spans="12:17" ht="20.25" hidden="1" customHeight="1" x14ac:dyDescent="0.25">
      <c r="L205" s="163" t="s">
        <v>866</v>
      </c>
      <c r="M205" s="15" t="s">
        <v>65</v>
      </c>
      <c r="N205" s="16" t="s">
        <v>390</v>
      </c>
    </row>
    <row r="206" spans="12:17" ht="20.25" hidden="1" customHeight="1" x14ac:dyDescent="0.25">
      <c r="L206" s="163"/>
      <c r="M206" s="18" t="s">
        <v>70</v>
      </c>
      <c r="N206" s="19" t="s">
        <v>391</v>
      </c>
    </row>
    <row r="207" spans="12:17" ht="20.25" hidden="1" customHeight="1" x14ac:dyDescent="0.25">
      <c r="L207" s="163"/>
      <c r="M207" s="18" t="s">
        <v>73</v>
      </c>
      <c r="N207" s="19" t="s">
        <v>392</v>
      </c>
    </row>
    <row r="208" spans="12:17" ht="20.25" hidden="1" customHeight="1" x14ac:dyDescent="0.25">
      <c r="L208" s="163"/>
      <c r="M208" s="18" t="s">
        <v>76</v>
      </c>
      <c r="N208" s="19" t="s">
        <v>393</v>
      </c>
    </row>
    <row r="209" spans="12:14" ht="20.25" hidden="1" customHeight="1" x14ac:dyDescent="0.25">
      <c r="L209" s="163"/>
      <c r="M209" s="18" t="s">
        <v>79</v>
      </c>
      <c r="N209" s="19" t="s">
        <v>394</v>
      </c>
    </row>
    <row r="210" spans="12:14" ht="20.25" hidden="1" customHeight="1" x14ac:dyDescent="0.25">
      <c r="L210" s="163"/>
      <c r="M210" s="18" t="s">
        <v>82</v>
      </c>
      <c r="N210" s="19" t="s">
        <v>396</v>
      </c>
    </row>
    <row r="211" spans="12:14" ht="20.25" hidden="1" customHeight="1" x14ac:dyDescent="0.25">
      <c r="L211" s="163"/>
      <c r="M211" s="18" t="s">
        <v>85</v>
      </c>
      <c r="N211" s="19" t="s">
        <v>398</v>
      </c>
    </row>
    <row r="212" spans="12:14" ht="20.25" hidden="1" customHeight="1" x14ac:dyDescent="0.25">
      <c r="L212" s="163"/>
      <c r="M212" s="18" t="s">
        <v>88</v>
      </c>
      <c r="N212" s="19" t="s">
        <v>400</v>
      </c>
    </row>
    <row r="213" spans="12:14" ht="20.25" hidden="1" customHeight="1" x14ac:dyDescent="0.25">
      <c r="L213" s="163"/>
      <c r="M213" s="18" t="s">
        <v>90</v>
      </c>
      <c r="N213" s="19" t="s">
        <v>402</v>
      </c>
    </row>
    <row r="214" spans="12:14" ht="20.25" hidden="1" customHeight="1" x14ac:dyDescent="0.25">
      <c r="L214" s="163"/>
      <c r="M214" s="18" t="s">
        <v>114</v>
      </c>
      <c r="N214" s="19" t="s">
        <v>404</v>
      </c>
    </row>
    <row r="215" spans="12:14" ht="20.25" hidden="1" customHeight="1" x14ac:dyDescent="0.25">
      <c r="L215" s="163"/>
      <c r="M215" s="18" t="s">
        <v>117</v>
      </c>
      <c r="N215" s="19" t="s">
        <v>405</v>
      </c>
    </row>
    <row r="216" spans="12:14" ht="20.25" hidden="1" customHeight="1" x14ac:dyDescent="0.25">
      <c r="L216" s="163"/>
      <c r="M216" s="18" t="s">
        <v>119</v>
      </c>
      <c r="N216" s="19" t="s">
        <v>407</v>
      </c>
    </row>
    <row r="217" spans="12:14" ht="20.25" hidden="1" customHeight="1" x14ac:dyDescent="0.25">
      <c r="L217" s="163"/>
      <c r="M217" s="18" t="s">
        <v>160</v>
      </c>
      <c r="N217" s="19" t="s">
        <v>409</v>
      </c>
    </row>
    <row r="218" spans="12:14" ht="20.25" hidden="1" customHeight="1" x14ac:dyDescent="0.25">
      <c r="L218" s="163"/>
      <c r="M218" s="18" t="s">
        <v>163</v>
      </c>
      <c r="N218" s="19" t="s">
        <v>411</v>
      </c>
    </row>
    <row r="219" spans="12:14" ht="20.25" hidden="1" customHeight="1" x14ac:dyDescent="0.25">
      <c r="L219" s="163"/>
      <c r="M219" s="18" t="s">
        <v>206</v>
      </c>
      <c r="N219" s="19" t="s">
        <v>413</v>
      </c>
    </row>
    <row r="220" spans="12:14" ht="20.25" hidden="1" customHeight="1" x14ac:dyDescent="0.25">
      <c r="L220" s="163"/>
      <c r="M220" s="18" t="s">
        <v>209</v>
      </c>
      <c r="N220" s="19" t="s">
        <v>415</v>
      </c>
    </row>
    <row r="221" spans="12:14" ht="20.25" hidden="1" customHeight="1" x14ac:dyDescent="0.25">
      <c r="L221" s="163"/>
      <c r="M221" s="18" t="s">
        <v>211</v>
      </c>
      <c r="N221" s="19" t="s">
        <v>417</v>
      </c>
    </row>
    <row r="222" spans="12:14" ht="20.25" hidden="1" customHeight="1" x14ac:dyDescent="0.25">
      <c r="L222" s="163"/>
      <c r="M222" s="18" t="s">
        <v>213</v>
      </c>
      <c r="N222" s="19" t="s">
        <v>419</v>
      </c>
    </row>
    <row r="223" spans="12:14" ht="20.25" hidden="1" customHeight="1" x14ac:dyDescent="0.25">
      <c r="L223" s="163"/>
      <c r="M223" s="18" t="s">
        <v>215</v>
      </c>
      <c r="N223" s="19" t="s">
        <v>421</v>
      </c>
    </row>
    <row r="224" spans="12:14" ht="20.25" hidden="1" customHeight="1" x14ac:dyDescent="0.25">
      <c r="L224" s="163"/>
      <c r="M224" s="18" t="s">
        <v>217</v>
      </c>
      <c r="N224" s="19" t="s">
        <v>422</v>
      </c>
    </row>
    <row r="225" spans="12:14" ht="20.25" hidden="1" customHeight="1" x14ac:dyDescent="0.25">
      <c r="L225" s="163"/>
      <c r="M225" s="18" t="s">
        <v>219</v>
      </c>
      <c r="N225" s="19" t="s">
        <v>423</v>
      </c>
    </row>
    <row r="226" spans="12:14" ht="20.25" hidden="1" customHeight="1" x14ac:dyDescent="0.25">
      <c r="L226" s="163"/>
      <c r="M226" s="24" t="s">
        <v>221</v>
      </c>
      <c r="N226" s="25" t="s">
        <v>425</v>
      </c>
    </row>
    <row r="227" spans="12:14" ht="20.25" hidden="1" customHeight="1" x14ac:dyDescent="0.25">
      <c r="L227" s="163"/>
      <c r="M227" s="18" t="s">
        <v>223</v>
      </c>
      <c r="N227" s="19" t="s">
        <v>426</v>
      </c>
    </row>
    <row r="228" spans="12:14" ht="20.25" hidden="1" customHeight="1" x14ac:dyDescent="0.25">
      <c r="L228" s="163"/>
      <c r="M228" s="18" t="s">
        <v>225</v>
      </c>
      <c r="N228" s="19" t="s">
        <v>428</v>
      </c>
    </row>
    <row r="229" spans="12:14" ht="20.25" hidden="1" customHeight="1" x14ac:dyDescent="0.25">
      <c r="L229" s="163"/>
      <c r="M229" s="18" t="s">
        <v>430</v>
      </c>
      <c r="N229" s="19" t="s">
        <v>431</v>
      </c>
    </row>
    <row r="230" spans="12:14" ht="20.25" hidden="1" customHeight="1" x14ac:dyDescent="0.25">
      <c r="L230" s="163"/>
      <c r="M230" s="18" t="s">
        <v>432</v>
      </c>
      <c r="N230" s="19" t="s">
        <v>433</v>
      </c>
    </row>
    <row r="231" spans="12:14" ht="20.25" hidden="1" customHeight="1" x14ac:dyDescent="0.25">
      <c r="L231" s="163"/>
      <c r="M231" s="18" t="s">
        <v>434</v>
      </c>
      <c r="N231" s="19" t="s">
        <v>435</v>
      </c>
    </row>
    <row r="232" spans="12:14" ht="20.25" hidden="1" customHeight="1" x14ac:dyDescent="0.25">
      <c r="L232" s="163"/>
      <c r="M232" s="18" t="s">
        <v>436</v>
      </c>
      <c r="N232" s="19" t="s">
        <v>437</v>
      </c>
    </row>
    <row r="233" spans="12:14" ht="20.25" hidden="1" customHeight="1" x14ac:dyDescent="0.25">
      <c r="L233" s="163"/>
      <c r="M233" s="18" t="s">
        <v>439</v>
      </c>
      <c r="N233" s="19" t="s">
        <v>440</v>
      </c>
    </row>
    <row r="234" spans="12:14" ht="20.25" hidden="1" customHeight="1" x14ac:dyDescent="0.25">
      <c r="L234" s="163"/>
      <c r="M234" s="18" t="s">
        <v>441</v>
      </c>
      <c r="N234" s="19" t="s">
        <v>442</v>
      </c>
    </row>
    <row r="235" spans="12:14" ht="20.25" hidden="1" customHeight="1" x14ac:dyDescent="0.25">
      <c r="L235" s="163"/>
      <c r="M235" s="18" t="s">
        <v>444</v>
      </c>
      <c r="N235" s="19" t="s">
        <v>445</v>
      </c>
    </row>
    <row r="236" spans="12:14" ht="20.25" hidden="1" customHeight="1" x14ac:dyDescent="0.25">
      <c r="L236" s="163"/>
      <c r="M236" s="18" t="s">
        <v>447</v>
      </c>
      <c r="N236" s="19" t="s">
        <v>448</v>
      </c>
    </row>
    <row r="237" spans="12:14" ht="20.25" hidden="1" customHeight="1" x14ac:dyDescent="0.25">
      <c r="L237" s="163"/>
      <c r="M237" s="18" t="s">
        <v>450</v>
      </c>
      <c r="N237" s="19" t="s">
        <v>451</v>
      </c>
    </row>
    <row r="238" spans="12:14" ht="20.25" hidden="1" customHeight="1" x14ac:dyDescent="0.25">
      <c r="L238" s="163"/>
      <c r="M238" s="21" t="s">
        <v>93</v>
      </c>
      <c r="N238" s="22" t="s">
        <v>453</v>
      </c>
    </row>
    <row r="239" spans="12:14" ht="20.25" hidden="1" customHeight="1" x14ac:dyDescent="0.25">
      <c r="L239" s="163" t="s">
        <v>869</v>
      </c>
      <c r="M239" s="15" t="s">
        <v>65</v>
      </c>
      <c r="N239" s="16" t="s">
        <v>86</v>
      </c>
    </row>
    <row r="240" spans="12:14" ht="20.25" hidden="1" customHeight="1" x14ac:dyDescent="0.25">
      <c r="L240" s="163"/>
      <c r="M240" s="18" t="s">
        <v>70</v>
      </c>
      <c r="N240" s="19" t="s">
        <v>456</v>
      </c>
    </row>
    <row r="241" spans="12:14" ht="20.25" hidden="1" customHeight="1" x14ac:dyDescent="0.25">
      <c r="L241" s="163"/>
      <c r="M241" s="18" t="s">
        <v>73</v>
      </c>
      <c r="N241" s="19" t="s">
        <v>458</v>
      </c>
    </row>
    <row r="242" spans="12:14" ht="20.25" hidden="1" customHeight="1" x14ac:dyDescent="0.25">
      <c r="L242" s="163"/>
      <c r="M242" s="18" t="s">
        <v>76</v>
      </c>
      <c r="N242" s="19" t="s">
        <v>460</v>
      </c>
    </row>
    <row r="243" spans="12:14" ht="20.25" hidden="1" customHeight="1" x14ac:dyDescent="0.25">
      <c r="L243" s="163"/>
      <c r="M243" s="18" t="s">
        <v>79</v>
      </c>
      <c r="N243" s="19" t="s">
        <v>462</v>
      </c>
    </row>
    <row r="244" spans="12:14" ht="20.25" hidden="1" customHeight="1" x14ac:dyDescent="0.25">
      <c r="L244" s="163"/>
      <c r="M244" s="18" t="s">
        <v>82</v>
      </c>
      <c r="N244" s="19" t="s">
        <v>228</v>
      </c>
    </row>
    <row r="245" spans="12:14" ht="20.25" hidden="1" customHeight="1" x14ac:dyDescent="0.25">
      <c r="L245" s="163"/>
      <c r="M245" s="18" t="s">
        <v>85</v>
      </c>
      <c r="N245" s="19" t="s">
        <v>465</v>
      </c>
    </row>
    <row r="246" spans="12:14" ht="20.25" hidden="1" customHeight="1" x14ac:dyDescent="0.25">
      <c r="L246" s="163"/>
      <c r="M246" s="18" t="s">
        <v>88</v>
      </c>
      <c r="N246" s="19" t="s">
        <v>318</v>
      </c>
    </row>
    <row r="247" spans="12:14" ht="20.25" hidden="1" customHeight="1" x14ac:dyDescent="0.25">
      <c r="L247" s="163"/>
      <c r="M247" s="18" t="s">
        <v>90</v>
      </c>
      <c r="N247" s="19" t="s">
        <v>468</v>
      </c>
    </row>
    <row r="248" spans="12:14" ht="20.25" hidden="1" customHeight="1" x14ac:dyDescent="0.25">
      <c r="L248" s="163"/>
      <c r="M248" s="18" t="s">
        <v>114</v>
      </c>
      <c r="N248" s="19" t="s">
        <v>375</v>
      </c>
    </row>
    <row r="249" spans="12:14" ht="20.25" hidden="1" customHeight="1" x14ac:dyDescent="0.25">
      <c r="L249" s="163"/>
      <c r="M249" s="21" t="s">
        <v>93</v>
      </c>
      <c r="N249" s="22" t="s">
        <v>94</v>
      </c>
    </row>
    <row r="250" spans="12:14" ht="20.25" hidden="1" customHeight="1" x14ac:dyDescent="0.25">
      <c r="L250" s="163" t="s">
        <v>870</v>
      </c>
      <c r="M250" s="24" t="s">
        <v>65</v>
      </c>
      <c r="N250" s="25" t="s">
        <v>471</v>
      </c>
    </row>
    <row r="251" spans="12:14" ht="20.25" hidden="1" customHeight="1" x14ac:dyDescent="0.25">
      <c r="L251" s="163"/>
      <c r="M251" s="18" t="s">
        <v>70</v>
      </c>
      <c r="N251" s="19" t="s">
        <v>475</v>
      </c>
    </row>
    <row r="252" spans="12:14" ht="20.25" hidden="1" customHeight="1" x14ac:dyDescent="0.25">
      <c r="L252" s="163"/>
      <c r="M252" s="21" t="s">
        <v>93</v>
      </c>
      <c r="N252" s="22" t="s">
        <v>94</v>
      </c>
    </row>
    <row r="253" spans="12:14" ht="20.25" hidden="1" customHeight="1" x14ac:dyDescent="0.25">
      <c r="L253" s="164" t="s">
        <v>871</v>
      </c>
      <c r="M253" s="15" t="s">
        <v>65</v>
      </c>
      <c r="N253" s="16" t="s">
        <v>478</v>
      </c>
    </row>
    <row r="254" spans="12:14" ht="20.25" hidden="1" customHeight="1" x14ac:dyDescent="0.25">
      <c r="L254" s="165"/>
      <c r="M254" s="18" t="s">
        <v>70</v>
      </c>
      <c r="N254" s="19" t="s">
        <v>481</v>
      </c>
    </row>
    <row r="255" spans="12:14" ht="20.25" hidden="1" customHeight="1" x14ac:dyDescent="0.25">
      <c r="L255" s="165"/>
      <c r="M255" s="18" t="s">
        <v>73</v>
      </c>
      <c r="N255" s="19" t="s">
        <v>483</v>
      </c>
    </row>
    <row r="256" spans="12:14" ht="20.25" hidden="1" customHeight="1" x14ac:dyDescent="0.25">
      <c r="L256" s="165"/>
      <c r="M256" s="18" t="s">
        <v>76</v>
      </c>
      <c r="N256" s="19" t="s">
        <v>465</v>
      </c>
    </row>
    <row r="257" spans="6:14" ht="20.25" hidden="1" customHeight="1" x14ac:dyDescent="0.25">
      <c r="L257" s="166"/>
      <c r="M257" s="21" t="s">
        <v>93</v>
      </c>
      <c r="N257" s="22" t="s">
        <v>94</v>
      </c>
    </row>
    <row r="258" spans="6:14" ht="20.25" hidden="1" customHeight="1" x14ac:dyDescent="0.25"/>
    <row r="259" spans="6:14" ht="20.25" hidden="1" customHeight="1" x14ac:dyDescent="0.25"/>
    <row r="260" spans="6:14" ht="20.25" hidden="1" customHeight="1" x14ac:dyDescent="0.25"/>
    <row r="263" spans="6:14" ht="20.25" customHeight="1" x14ac:dyDescent="0.25">
      <c r="F263" s="104"/>
    </row>
  </sheetData>
  <dataConsolidate/>
  <mergeCells count="2">
    <mergeCell ref="AJ2:AU2"/>
    <mergeCell ref="A2:AI2"/>
  </mergeCells>
  <phoneticPr fontId="11"/>
  <dataValidations count="6">
    <dataValidation type="list" allowBlank="1" showInputMessage="1" sqref="F4:F21" xr:uid="{00000000-0002-0000-0000-000000000000}">
      <formula1>"○,×,-"</formula1>
    </dataValidation>
    <dataValidation type="list" allowBlank="1" showInputMessage="1" showErrorMessage="1" sqref="A21" xr:uid="{00000000-0002-0000-0000-000001000000}">
      <formula1>"物品,役務"</formula1>
    </dataValidation>
    <dataValidation type="list" allowBlank="1" showInputMessage="1" showErrorMessage="1" sqref="B4:C20" xr:uid="{00000000-0002-0000-0000-000002000000}">
      <formula1>INDIRECT(A4)</formula1>
    </dataValidation>
    <dataValidation type="list" allowBlank="1" showInputMessage="1" showErrorMessage="1" sqref="B21" xr:uid="{00000000-0002-0000-0000-000003000000}">
      <formula1>中分類</formula1>
    </dataValidation>
    <dataValidation type="list" allowBlank="1" showInputMessage="1" showErrorMessage="1" sqref="C21:D21" xr:uid="{00000000-0002-0000-0000-000004000000}">
      <formula1>INDIRECT($B$4)</formula1>
    </dataValidation>
    <dataValidation type="list" errorStyle="warning" allowBlank="1" showInputMessage="1" showErrorMessage="1" error="手入力を制限しています。_x000a_プルダウンから選択してください。" sqref="A4:A20" xr:uid="{00000000-0002-0000-0000-000005000000}">
      <formula1>"物品,役務"</formula1>
    </dataValidation>
  </dataValidations>
  <printOptions horizontalCentered="1"/>
  <pageMargins left="0.23622047244094491" right="0.23622047244094491" top="0.74803149606299213" bottom="0.74803149606299213" header="0.31496062992125984" footer="0.31496062992125984"/>
  <pageSetup paperSize="8" scale="48" fitToWidth="2" fitToHeight="0" orientation="landscape" r:id="rId1"/>
  <colBreaks count="1" manualBreakCount="1">
    <brk id="35" max="1048575" man="1"/>
  </colBreaks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00000000-0002-0000-0000-000006000000}">
          <x14:formula1>
            <xm:f>プルダウンリスト!$A$12:$A$18</xm:f>
          </x14:formula1>
          <xm:sqref>AO4:AQ20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BB263"/>
  <sheetViews>
    <sheetView tabSelected="1" view="pageBreakPreview" topLeftCell="A2" zoomScale="76" zoomScaleNormal="90" zoomScaleSheetLayoutView="76" workbookViewId="0">
      <selection activeCell="H13" sqref="H13"/>
    </sheetView>
  </sheetViews>
  <sheetFormatPr defaultColWidth="4.23046875" defaultRowHeight="20.25" customHeight="1" x14ac:dyDescent="0.25"/>
  <cols>
    <col min="1" max="3" width="15.15234375" style="1" customWidth="1"/>
    <col min="4" max="4" width="20" style="134" customWidth="1"/>
    <col min="5" max="5" width="34.61328125" style="129" customWidth="1"/>
    <col min="6" max="6" width="20.4609375" style="1" customWidth="1"/>
    <col min="7" max="30" width="6.84375" style="1" customWidth="1"/>
    <col min="31" max="31" width="11.4609375" style="1" bestFit="1" customWidth="1"/>
    <col min="32" max="33" width="16.4609375" style="1" bestFit="1" customWidth="1"/>
    <col min="34" max="34" width="10.765625" style="1" bestFit="1" customWidth="1"/>
    <col min="35" max="35" width="19.84375" style="1" customWidth="1"/>
    <col min="36" max="36" width="12.84375" style="4" customWidth="1"/>
    <col min="37" max="37" width="26.61328125" style="6" customWidth="1"/>
    <col min="38" max="38" width="25" style="120" bestFit="1" customWidth="1"/>
    <col min="39" max="39" width="9.4609375" style="5" bestFit="1" customWidth="1"/>
    <col min="40" max="40" width="30.84375" style="120" bestFit="1" customWidth="1"/>
    <col min="41" max="41" width="12.4609375" style="6" bestFit="1" customWidth="1"/>
    <col min="42" max="42" width="11.3828125" style="1" customWidth="1"/>
    <col min="43" max="43" width="12.4609375" style="1" bestFit="1" customWidth="1"/>
    <col min="44" max="44" width="12.4609375" style="1" hidden="1" customWidth="1"/>
    <col min="45" max="46" width="13.84375" style="120" bestFit="1" customWidth="1"/>
    <col min="47" max="48" width="25.765625" style="120" customWidth="1"/>
    <col min="49" max="49" width="64.61328125" style="1" customWidth="1"/>
    <col min="50" max="50" width="40.23046875" style="1" customWidth="1"/>
    <col min="51" max="52" width="11.61328125" style="1" customWidth="1"/>
    <col min="53" max="16384" width="4.23046875" style="1"/>
  </cols>
  <sheetData>
    <row r="1" spans="1:54" ht="54" customHeight="1" x14ac:dyDescent="0.25">
      <c r="A1" s="105" t="s">
        <v>1217</v>
      </c>
      <c r="AN1" s="125"/>
    </row>
    <row r="2" spans="1:54" ht="20.25" customHeight="1" x14ac:dyDescent="0.25">
      <c r="A2" s="191" t="s">
        <v>46</v>
      </c>
      <c r="B2" s="191"/>
      <c r="C2" s="191"/>
      <c r="D2" s="191"/>
      <c r="E2" s="191"/>
      <c r="F2" s="191"/>
      <c r="G2" s="191"/>
      <c r="H2" s="191"/>
      <c r="I2" s="191"/>
      <c r="J2" s="191"/>
      <c r="K2" s="191"/>
      <c r="L2" s="191"/>
      <c r="M2" s="191"/>
      <c r="N2" s="191"/>
      <c r="O2" s="191"/>
      <c r="P2" s="191"/>
      <c r="Q2" s="191"/>
      <c r="R2" s="191"/>
      <c r="S2" s="191"/>
      <c r="T2" s="191"/>
      <c r="U2" s="191"/>
      <c r="V2" s="191"/>
      <c r="W2" s="191"/>
      <c r="X2" s="191"/>
      <c r="Y2" s="191"/>
      <c r="Z2" s="191"/>
      <c r="AA2" s="191"/>
      <c r="AB2" s="191"/>
      <c r="AC2" s="191"/>
      <c r="AD2" s="191"/>
      <c r="AE2" s="191"/>
      <c r="AF2" s="191"/>
      <c r="AG2" s="191"/>
      <c r="AH2" s="191"/>
      <c r="AI2" s="191"/>
      <c r="AJ2" s="190" t="s">
        <v>1218</v>
      </c>
      <c r="AK2" s="190"/>
      <c r="AL2" s="190"/>
      <c r="AM2" s="190"/>
      <c r="AN2" s="190"/>
      <c r="AO2" s="190"/>
      <c r="AP2" s="190"/>
      <c r="AQ2" s="190"/>
      <c r="AR2" s="190"/>
      <c r="AS2" s="190"/>
      <c r="AT2" s="190"/>
      <c r="AU2" s="190"/>
      <c r="AV2" s="190"/>
      <c r="AW2" s="100" t="s">
        <v>995</v>
      </c>
    </row>
    <row r="3" spans="1:54" s="7" customFormat="1" ht="154.19999999999999" customHeight="1" x14ac:dyDescent="0.25">
      <c r="A3" s="107" t="s">
        <v>1002</v>
      </c>
      <c r="B3" s="108" t="s">
        <v>1003</v>
      </c>
      <c r="C3" s="108" t="s">
        <v>1004</v>
      </c>
      <c r="D3" s="171" t="s">
        <v>1005</v>
      </c>
      <c r="E3" s="133" t="s">
        <v>5</v>
      </c>
      <c r="F3" s="106" t="s">
        <v>1001</v>
      </c>
      <c r="G3" s="10" t="s">
        <v>6</v>
      </c>
      <c r="H3" s="10" t="s">
        <v>7</v>
      </c>
      <c r="I3" s="10" t="s">
        <v>8</v>
      </c>
      <c r="J3" s="10" t="s">
        <v>9</v>
      </c>
      <c r="K3" s="10" t="s">
        <v>10</v>
      </c>
      <c r="L3" s="10" t="s">
        <v>11</v>
      </c>
      <c r="M3" s="10" t="s">
        <v>12</v>
      </c>
      <c r="N3" s="10" t="s">
        <v>13</v>
      </c>
      <c r="O3" s="10" t="s">
        <v>14</v>
      </c>
      <c r="P3" s="10" t="s">
        <v>15</v>
      </c>
      <c r="Q3" s="10" t="s">
        <v>16</v>
      </c>
      <c r="R3" s="10" t="s">
        <v>17</v>
      </c>
      <c r="S3" s="10" t="s">
        <v>18</v>
      </c>
      <c r="T3" s="10" t="s">
        <v>19</v>
      </c>
      <c r="U3" s="10" t="s">
        <v>20</v>
      </c>
      <c r="V3" s="10" t="s">
        <v>21</v>
      </c>
      <c r="W3" s="10" t="s">
        <v>22</v>
      </c>
      <c r="X3" s="10" t="s">
        <v>23</v>
      </c>
      <c r="Y3" s="10" t="s">
        <v>24</v>
      </c>
      <c r="Z3" s="10" t="s">
        <v>25</v>
      </c>
      <c r="AA3" s="10" t="s">
        <v>26</v>
      </c>
      <c r="AB3" s="10" t="s">
        <v>27</v>
      </c>
      <c r="AC3" s="10" t="s">
        <v>28</v>
      </c>
      <c r="AD3" s="10" t="s">
        <v>29</v>
      </c>
      <c r="AE3" s="9" t="s">
        <v>30</v>
      </c>
      <c r="AF3" s="9" t="s">
        <v>31</v>
      </c>
      <c r="AG3" s="9" t="s">
        <v>32</v>
      </c>
      <c r="AH3" s="9" t="s">
        <v>33</v>
      </c>
      <c r="AI3" s="11" t="s">
        <v>1212</v>
      </c>
      <c r="AJ3" s="8" t="s">
        <v>58</v>
      </c>
      <c r="AK3" s="8" t="s">
        <v>40</v>
      </c>
      <c r="AL3" s="126" t="s">
        <v>41</v>
      </c>
      <c r="AM3" s="8" t="s">
        <v>57</v>
      </c>
      <c r="AN3" s="126" t="s">
        <v>42</v>
      </c>
      <c r="AO3" s="8" t="s">
        <v>43</v>
      </c>
      <c r="AP3" s="8" t="s">
        <v>45</v>
      </c>
      <c r="AQ3" s="8" t="s">
        <v>43</v>
      </c>
      <c r="AR3" s="8" t="s">
        <v>43</v>
      </c>
      <c r="AS3" s="121" t="s">
        <v>0</v>
      </c>
      <c r="AT3" s="121" t="s">
        <v>1</v>
      </c>
      <c r="AU3" s="121" t="s">
        <v>2</v>
      </c>
      <c r="AV3" s="121" t="s">
        <v>1076</v>
      </c>
      <c r="AW3" s="101" t="s">
        <v>1213</v>
      </c>
      <c r="AX3" s="1"/>
      <c r="AY3" s="1"/>
      <c r="AZ3" s="1"/>
      <c r="BA3" s="1"/>
      <c r="BB3" s="1"/>
    </row>
    <row r="4" spans="1:54" s="149" customFormat="1" ht="42.75" customHeight="1" x14ac:dyDescent="0.25">
      <c r="A4" s="145" t="s">
        <v>1196</v>
      </c>
      <c r="B4" s="145" t="s">
        <v>999</v>
      </c>
      <c r="C4" s="145" t="s">
        <v>999</v>
      </c>
      <c r="D4" s="144"/>
      <c r="E4" s="143" t="s">
        <v>1198</v>
      </c>
      <c r="F4" s="146" t="s">
        <v>1202</v>
      </c>
      <c r="G4" s="146" t="s">
        <v>1204</v>
      </c>
      <c r="H4" s="146" t="s">
        <v>1204</v>
      </c>
      <c r="I4" s="146"/>
      <c r="J4" s="146"/>
      <c r="K4" s="146"/>
      <c r="L4" s="146"/>
      <c r="M4" s="146"/>
      <c r="N4" s="146"/>
      <c r="O4" s="146"/>
      <c r="P4" s="146"/>
      <c r="Q4" s="146"/>
      <c r="R4" s="146" t="s">
        <v>1204</v>
      </c>
      <c r="S4" s="146"/>
      <c r="T4" s="146"/>
      <c r="U4" s="146" t="s">
        <v>1204</v>
      </c>
      <c r="V4" s="146" t="s">
        <v>1204</v>
      </c>
      <c r="W4" s="146"/>
      <c r="X4" s="146"/>
      <c r="Y4" s="146"/>
      <c r="Z4" s="146"/>
      <c r="AA4" s="146"/>
      <c r="AB4" s="146"/>
      <c r="AC4" s="146"/>
      <c r="AD4" s="146"/>
      <c r="AE4" s="146"/>
      <c r="AF4" s="140" t="s">
        <v>1206</v>
      </c>
      <c r="AG4" s="146"/>
      <c r="AH4" s="146"/>
      <c r="AI4" s="147"/>
      <c r="AJ4" s="140">
        <v>12345</v>
      </c>
      <c r="AK4" s="141" t="s">
        <v>1184</v>
      </c>
      <c r="AL4" s="142" t="s">
        <v>1185</v>
      </c>
      <c r="AM4" s="140" t="s">
        <v>1186</v>
      </c>
      <c r="AN4" s="142" t="s">
        <v>1187</v>
      </c>
      <c r="AO4" s="141" t="s">
        <v>1078</v>
      </c>
      <c r="AP4" s="141" t="s">
        <v>1079</v>
      </c>
      <c r="AQ4" s="141"/>
      <c r="AR4" s="141"/>
      <c r="AS4" s="143" t="s">
        <v>1191</v>
      </c>
      <c r="AT4" s="143" t="s">
        <v>1193</v>
      </c>
      <c r="AU4" s="143" t="s">
        <v>1194</v>
      </c>
      <c r="AV4" s="143" t="s">
        <v>1195</v>
      </c>
      <c r="AW4" s="148" t="s">
        <v>1211</v>
      </c>
    </row>
    <row r="5" spans="1:54" s="149" customFormat="1" ht="42.75" customHeight="1" x14ac:dyDescent="0.25">
      <c r="A5" s="145" t="s">
        <v>1196</v>
      </c>
      <c r="B5" s="145" t="s">
        <v>999</v>
      </c>
      <c r="C5" s="145" t="s">
        <v>999</v>
      </c>
      <c r="D5" s="144"/>
      <c r="E5" s="142" t="s">
        <v>1199</v>
      </c>
      <c r="F5" s="146" t="s">
        <v>1202</v>
      </c>
      <c r="G5" s="146" t="s">
        <v>1204</v>
      </c>
      <c r="H5" s="146" t="s">
        <v>1204</v>
      </c>
      <c r="I5" s="146"/>
      <c r="J5" s="146"/>
      <c r="K5" s="146"/>
      <c r="L5" s="146"/>
      <c r="M5" s="146"/>
      <c r="N5" s="146"/>
      <c r="O5" s="146"/>
      <c r="P5" s="146"/>
      <c r="Q5" s="146"/>
      <c r="R5" s="146" t="s">
        <v>1204</v>
      </c>
      <c r="S5" s="146"/>
      <c r="T5" s="146"/>
      <c r="U5" s="146" t="s">
        <v>1204</v>
      </c>
      <c r="V5" s="146" t="s">
        <v>1204</v>
      </c>
      <c r="W5" s="146"/>
      <c r="X5" s="146"/>
      <c r="Y5" s="146"/>
      <c r="Z5" s="146"/>
      <c r="AA5" s="146"/>
      <c r="AB5" s="146"/>
      <c r="AC5" s="146"/>
      <c r="AD5" s="146"/>
      <c r="AE5" s="146"/>
      <c r="AF5" s="140" t="s">
        <v>1206</v>
      </c>
      <c r="AG5" s="146"/>
      <c r="AH5" s="146"/>
      <c r="AI5" s="150"/>
      <c r="AJ5" s="140">
        <v>12345</v>
      </c>
      <c r="AK5" s="141" t="s">
        <v>1184</v>
      </c>
      <c r="AL5" s="142" t="s">
        <v>1185</v>
      </c>
      <c r="AM5" s="140" t="s">
        <v>1186</v>
      </c>
      <c r="AN5" s="142" t="s">
        <v>1187</v>
      </c>
      <c r="AO5" s="141" t="s">
        <v>1078</v>
      </c>
      <c r="AP5" s="141" t="s">
        <v>1079</v>
      </c>
      <c r="AQ5" s="141"/>
      <c r="AR5" s="141"/>
      <c r="AS5" s="143" t="s">
        <v>1191</v>
      </c>
      <c r="AT5" s="143" t="s">
        <v>1193</v>
      </c>
      <c r="AU5" s="143" t="s">
        <v>1194</v>
      </c>
      <c r="AV5" s="143" t="s">
        <v>1195</v>
      </c>
      <c r="AW5" s="148"/>
    </row>
    <row r="6" spans="1:54" s="149" customFormat="1" ht="42.75" customHeight="1" x14ac:dyDescent="0.25">
      <c r="A6" s="145" t="s">
        <v>1197</v>
      </c>
      <c r="B6" s="145" t="s">
        <v>489</v>
      </c>
      <c r="C6" s="145" t="s">
        <v>1053</v>
      </c>
      <c r="D6" s="172">
        <v>987654321</v>
      </c>
      <c r="E6" s="142" t="s">
        <v>1200</v>
      </c>
      <c r="F6" s="146" t="s">
        <v>1203</v>
      </c>
      <c r="G6" s="146" t="s">
        <v>1204</v>
      </c>
      <c r="H6" s="146" t="s">
        <v>1204</v>
      </c>
      <c r="I6" s="146"/>
      <c r="J6" s="146"/>
      <c r="K6" s="146"/>
      <c r="L6" s="146"/>
      <c r="M6" s="146"/>
      <c r="N6" s="146"/>
      <c r="O6" s="146"/>
      <c r="P6" s="146"/>
      <c r="Q6" s="146"/>
      <c r="R6" s="146" t="s">
        <v>1204</v>
      </c>
      <c r="S6" s="146"/>
      <c r="T6" s="146"/>
      <c r="U6" s="146" t="s">
        <v>1204</v>
      </c>
      <c r="V6" s="146" t="s">
        <v>1204</v>
      </c>
      <c r="W6" s="146"/>
      <c r="X6" s="146"/>
      <c r="Y6" s="146"/>
      <c r="Z6" s="146"/>
      <c r="AA6" s="146"/>
      <c r="AB6" s="146"/>
      <c r="AC6" s="146"/>
      <c r="AD6" s="146"/>
      <c r="AE6" s="146"/>
      <c r="AF6" s="146" t="s">
        <v>1205</v>
      </c>
      <c r="AG6" s="146"/>
      <c r="AH6" s="146"/>
      <c r="AI6" s="150"/>
      <c r="AJ6" s="140">
        <v>12345</v>
      </c>
      <c r="AK6" s="141" t="s">
        <v>1184</v>
      </c>
      <c r="AL6" s="142" t="s">
        <v>1185</v>
      </c>
      <c r="AM6" s="140" t="s">
        <v>1186</v>
      </c>
      <c r="AN6" s="142" t="s">
        <v>1187</v>
      </c>
      <c r="AO6" s="141" t="s">
        <v>1078</v>
      </c>
      <c r="AP6" s="141" t="s">
        <v>1079</v>
      </c>
      <c r="AQ6" s="141"/>
      <c r="AR6" s="141"/>
      <c r="AS6" s="143" t="s">
        <v>1191</v>
      </c>
      <c r="AT6" s="143" t="s">
        <v>1193</v>
      </c>
      <c r="AU6" s="143" t="s">
        <v>1194</v>
      </c>
      <c r="AV6" s="143" t="s">
        <v>1195</v>
      </c>
      <c r="AW6" s="148" t="s">
        <v>1210</v>
      </c>
    </row>
    <row r="7" spans="1:54" s="149" customFormat="1" ht="42.75" customHeight="1" x14ac:dyDescent="0.25">
      <c r="A7" s="145" t="s">
        <v>1196</v>
      </c>
      <c r="B7" s="145" t="s">
        <v>1086</v>
      </c>
      <c r="C7" s="145" t="s">
        <v>1086</v>
      </c>
      <c r="D7" s="140">
        <v>123456789</v>
      </c>
      <c r="E7" s="142" t="s">
        <v>1201</v>
      </c>
      <c r="F7" s="146" t="s">
        <v>1202</v>
      </c>
      <c r="G7" s="146" t="s">
        <v>1204</v>
      </c>
      <c r="H7" s="146" t="s">
        <v>1204</v>
      </c>
      <c r="I7" s="146" t="s">
        <v>1204</v>
      </c>
      <c r="J7" s="146" t="s">
        <v>1204</v>
      </c>
      <c r="K7" s="146" t="s">
        <v>1204</v>
      </c>
      <c r="L7" s="146" t="s">
        <v>1204</v>
      </c>
      <c r="M7" s="146" t="s">
        <v>1204</v>
      </c>
      <c r="N7" s="146" t="s">
        <v>1204</v>
      </c>
      <c r="O7" s="146" t="s">
        <v>1204</v>
      </c>
      <c r="P7" s="146" t="s">
        <v>1204</v>
      </c>
      <c r="Q7" s="146" t="s">
        <v>1204</v>
      </c>
      <c r="R7" s="146" t="s">
        <v>1204</v>
      </c>
      <c r="S7" s="146" t="s">
        <v>1204</v>
      </c>
      <c r="T7" s="146" t="s">
        <v>1204</v>
      </c>
      <c r="U7" s="146" t="s">
        <v>1204</v>
      </c>
      <c r="V7" s="146" t="s">
        <v>1204</v>
      </c>
      <c r="W7" s="146" t="s">
        <v>1204</v>
      </c>
      <c r="X7" s="146" t="s">
        <v>1204</v>
      </c>
      <c r="Y7" s="146" t="s">
        <v>1204</v>
      </c>
      <c r="Z7" s="146" t="s">
        <v>1204</v>
      </c>
      <c r="AA7" s="146" t="s">
        <v>1204</v>
      </c>
      <c r="AB7" s="146" t="s">
        <v>1204</v>
      </c>
      <c r="AC7" s="146" t="s">
        <v>1204</v>
      </c>
      <c r="AD7" s="146"/>
      <c r="AE7" s="146"/>
      <c r="AF7" s="146" t="s">
        <v>1207</v>
      </c>
      <c r="AG7" s="146" t="s">
        <v>1216</v>
      </c>
      <c r="AH7" s="152" t="s">
        <v>1208</v>
      </c>
      <c r="AI7" s="153" t="s">
        <v>1209</v>
      </c>
      <c r="AJ7" s="140">
        <v>12345</v>
      </c>
      <c r="AK7" s="141" t="s">
        <v>1184</v>
      </c>
      <c r="AL7" s="151" t="s">
        <v>1188</v>
      </c>
      <c r="AM7" s="140" t="s">
        <v>1189</v>
      </c>
      <c r="AN7" s="142" t="s">
        <v>1190</v>
      </c>
      <c r="AO7" s="141" t="s">
        <v>1080</v>
      </c>
      <c r="AP7" s="141"/>
      <c r="AQ7" s="141"/>
      <c r="AR7" s="141"/>
      <c r="AS7" s="151" t="s">
        <v>1192</v>
      </c>
      <c r="AT7" s="151"/>
      <c r="AU7" s="143" t="s">
        <v>1194</v>
      </c>
      <c r="AV7" s="143" t="s">
        <v>1195</v>
      </c>
      <c r="AW7" s="148"/>
    </row>
    <row r="8" spans="1:54" s="96" customFormat="1" ht="42.75" customHeight="1" x14ac:dyDescent="0.25">
      <c r="A8" s="3"/>
      <c r="B8" s="111"/>
      <c r="C8" s="3"/>
      <c r="D8" s="135"/>
      <c r="E8" s="128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7"/>
      <c r="AJ8" s="103"/>
      <c r="AK8" s="94"/>
      <c r="AL8" s="123"/>
      <c r="AM8" s="93"/>
      <c r="AN8" s="127"/>
      <c r="AO8" s="94"/>
      <c r="AP8" s="94"/>
      <c r="AQ8" s="94"/>
      <c r="AR8" s="94"/>
      <c r="AS8" s="123"/>
      <c r="AT8" s="123"/>
      <c r="AU8" s="122"/>
      <c r="AV8" s="122"/>
      <c r="AW8" s="102"/>
      <c r="AX8" s="95"/>
      <c r="AY8" s="95"/>
      <c r="AZ8" s="95"/>
      <c r="BA8" s="95"/>
      <c r="BB8" s="95"/>
    </row>
    <row r="9" spans="1:54" s="96" customFormat="1" ht="42.75" customHeight="1" x14ac:dyDescent="0.25">
      <c r="A9" s="3"/>
      <c r="B9" s="111"/>
      <c r="C9" s="3"/>
      <c r="D9" s="135"/>
      <c r="E9" s="128"/>
      <c r="F9" s="92"/>
      <c r="G9" s="92"/>
      <c r="H9" s="92"/>
      <c r="I9" s="92"/>
      <c r="J9" s="92"/>
      <c r="K9" s="92"/>
      <c r="L9" s="92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A9" s="92"/>
      <c r="AB9" s="92"/>
      <c r="AC9" s="92"/>
      <c r="AD9" s="92"/>
      <c r="AE9" s="92"/>
      <c r="AF9" s="92"/>
      <c r="AG9" s="92"/>
      <c r="AH9" s="92"/>
      <c r="AI9" s="97"/>
      <c r="AJ9" s="103"/>
      <c r="AK9" s="117"/>
      <c r="AL9" s="123"/>
      <c r="AM9" s="92"/>
      <c r="AN9" s="123"/>
      <c r="AO9" s="94"/>
      <c r="AP9" s="94"/>
      <c r="AQ9" s="94"/>
      <c r="AR9" s="94"/>
      <c r="AS9" s="123"/>
      <c r="AT9" s="123"/>
      <c r="AU9" s="123"/>
      <c r="AV9" s="123"/>
      <c r="AW9" s="102"/>
      <c r="AX9" s="95"/>
      <c r="AY9" s="95"/>
      <c r="AZ9" s="95"/>
      <c r="BA9" s="95"/>
      <c r="BB9" s="95"/>
    </row>
    <row r="10" spans="1:54" s="96" customFormat="1" ht="42.75" customHeight="1" x14ac:dyDescent="0.25">
      <c r="A10" s="3"/>
      <c r="B10" s="111"/>
      <c r="C10" s="3"/>
      <c r="D10" s="135"/>
      <c r="E10" s="128"/>
      <c r="F10" s="92"/>
      <c r="G10" s="92"/>
      <c r="H10" s="92"/>
      <c r="I10" s="92"/>
      <c r="J10" s="92"/>
      <c r="K10" s="92"/>
      <c r="L10" s="92"/>
      <c r="M10" s="92"/>
      <c r="N10" s="92"/>
      <c r="O10" s="92"/>
      <c r="P10" s="92"/>
      <c r="Q10" s="92"/>
      <c r="R10" s="92"/>
      <c r="S10" s="92"/>
      <c r="T10" s="92"/>
      <c r="U10" s="92"/>
      <c r="V10" s="92"/>
      <c r="W10" s="92"/>
      <c r="X10" s="92"/>
      <c r="Y10" s="92"/>
      <c r="Z10" s="92"/>
      <c r="AA10" s="92"/>
      <c r="AB10" s="92"/>
      <c r="AC10" s="92"/>
      <c r="AD10" s="92"/>
      <c r="AE10" s="92"/>
      <c r="AF10" s="92"/>
      <c r="AG10" s="92"/>
      <c r="AH10" s="92"/>
      <c r="AI10" s="97"/>
      <c r="AJ10" s="103"/>
      <c r="AK10" s="117"/>
      <c r="AL10" s="123"/>
      <c r="AM10" s="92"/>
      <c r="AN10" s="123"/>
      <c r="AO10" s="94"/>
      <c r="AP10" s="94"/>
      <c r="AQ10" s="94"/>
      <c r="AR10" s="94"/>
      <c r="AS10" s="123"/>
      <c r="AT10" s="123"/>
      <c r="AU10" s="123"/>
      <c r="AV10" s="123"/>
      <c r="AW10" s="102"/>
      <c r="AX10" s="95"/>
      <c r="AY10" s="95"/>
      <c r="AZ10" s="95"/>
      <c r="BA10" s="95"/>
      <c r="BB10" s="95"/>
    </row>
    <row r="11" spans="1:54" s="96" customFormat="1" ht="42.75" customHeight="1" x14ac:dyDescent="0.25">
      <c r="A11" s="3"/>
      <c r="B11" s="111"/>
      <c r="C11" s="3"/>
      <c r="D11" s="135"/>
      <c r="E11" s="128"/>
      <c r="F11" s="92"/>
      <c r="G11" s="92"/>
      <c r="H11" s="92"/>
      <c r="I11" s="92"/>
      <c r="J11" s="92"/>
      <c r="K11" s="92"/>
      <c r="L11" s="92"/>
      <c r="M11" s="92"/>
      <c r="N11" s="92"/>
      <c r="O11" s="92"/>
      <c r="P11" s="92"/>
      <c r="Q11" s="92"/>
      <c r="R11" s="92"/>
      <c r="S11" s="92"/>
      <c r="T11" s="92"/>
      <c r="U11" s="92"/>
      <c r="V11" s="92"/>
      <c r="W11" s="92"/>
      <c r="X11" s="92"/>
      <c r="Y11" s="92"/>
      <c r="Z11" s="92"/>
      <c r="AA11" s="92"/>
      <c r="AB11" s="92"/>
      <c r="AC11" s="92"/>
      <c r="AD11" s="92"/>
      <c r="AE11" s="92"/>
      <c r="AF11" s="92"/>
      <c r="AG11" s="92"/>
      <c r="AH11" s="92"/>
      <c r="AI11" s="97"/>
      <c r="AJ11" s="103"/>
      <c r="AK11" s="117"/>
      <c r="AL11" s="123"/>
      <c r="AM11" s="92"/>
      <c r="AN11" s="123"/>
      <c r="AO11" s="94"/>
      <c r="AP11" s="94"/>
      <c r="AQ11" s="94"/>
      <c r="AR11" s="94"/>
      <c r="AS11" s="123"/>
      <c r="AT11" s="123"/>
      <c r="AU11" s="123"/>
      <c r="AV11" s="123"/>
      <c r="AW11" s="102"/>
      <c r="AX11" s="95"/>
      <c r="AY11" s="95"/>
      <c r="AZ11" s="95"/>
      <c r="BA11" s="95"/>
      <c r="BB11" s="95"/>
    </row>
    <row r="12" spans="1:54" s="96" customFormat="1" ht="42.75" customHeight="1" x14ac:dyDescent="0.25">
      <c r="A12" s="3"/>
      <c r="B12" s="111"/>
      <c r="C12" s="3"/>
      <c r="D12" s="135"/>
      <c r="E12" s="128"/>
      <c r="F12" s="92"/>
      <c r="G12" s="92"/>
      <c r="H12" s="92"/>
      <c r="I12" s="92"/>
      <c r="J12" s="92"/>
      <c r="K12" s="92"/>
      <c r="L12" s="92"/>
      <c r="M12" s="92"/>
      <c r="N12" s="92"/>
      <c r="O12" s="92"/>
      <c r="P12" s="92"/>
      <c r="Q12" s="92"/>
      <c r="R12" s="92"/>
      <c r="S12" s="92"/>
      <c r="T12" s="92"/>
      <c r="U12" s="92"/>
      <c r="V12" s="92"/>
      <c r="W12" s="92"/>
      <c r="X12" s="92"/>
      <c r="Y12" s="92"/>
      <c r="Z12" s="92"/>
      <c r="AA12" s="92"/>
      <c r="AB12" s="92"/>
      <c r="AC12" s="92"/>
      <c r="AD12" s="92"/>
      <c r="AE12" s="92"/>
      <c r="AF12" s="92"/>
      <c r="AG12" s="92"/>
      <c r="AH12" s="92"/>
      <c r="AI12" s="97"/>
      <c r="AJ12" s="103"/>
      <c r="AK12" s="117"/>
      <c r="AL12" s="123"/>
      <c r="AM12" s="92"/>
      <c r="AN12" s="123"/>
      <c r="AO12" s="94"/>
      <c r="AP12" s="94"/>
      <c r="AQ12" s="94"/>
      <c r="AR12" s="94"/>
      <c r="AS12" s="123"/>
      <c r="AT12" s="123"/>
      <c r="AU12" s="123"/>
      <c r="AV12" s="123"/>
      <c r="AW12" s="102"/>
      <c r="AX12" s="95"/>
      <c r="AY12" s="95"/>
      <c r="AZ12" s="95"/>
      <c r="BA12" s="95"/>
      <c r="BB12" s="95"/>
    </row>
    <row r="13" spans="1:54" s="96" customFormat="1" ht="42.75" customHeight="1" x14ac:dyDescent="0.25">
      <c r="A13" s="3"/>
      <c r="B13" s="111"/>
      <c r="C13" s="3"/>
      <c r="D13" s="135"/>
      <c r="E13" s="128"/>
      <c r="F13" s="92"/>
      <c r="G13" s="92"/>
      <c r="H13" s="92"/>
      <c r="I13" s="92"/>
      <c r="J13" s="92"/>
      <c r="K13" s="92"/>
      <c r="L13" s="92"/>
      <c r="M13" s="92"/>
      <c r="N13" s="92"/>
      <c r="O13" s="92"/>
      <c r="P13" s="92"/>
      <c r="Q13" s="92"/>
      <c r="R13" s="92"/>
      <c r="S13" s="92"/>
      <c r="T13" s="92"/>
      <c r="U13" s="92"/>
      <c r="V13" s="92"/>
      <c r="W13" s="92"/>
      <c r="X13" s="92"/>
      <c r="Y13" s="92"/>
      <c r="Z13" s="92"/>
      <c r="AA13" s="92"/>
      <c r="AB13" s="92"/>
      <c r="AC13" s="92"/>
      <c r="AD13" s="92"/>
      <c r="AE13" s="92"/>
      <c r="AF13" s="92"/>
      <c r="AG13" s="92"/>
      <c r="AH13" s="92"/>
      <c r="AI13" s="97"/>
      <c r="AJ13" s="103"/>
      <c r="AK13" s="117"/>
      <c r="AL13" s="123"/>
      <c r="AM13" s="92"/>
      <c r="AN13" s="123"/>
      <c r="AO13" s="94"/>
      <c r="AP13" s="94"/>
      <c r="AQ13" s="94"/>
      <c r="AR13" s="94"/>
      <c r="AS13" s="123"/>
      <c r="AT13" s="123"/>
      <c r="AU13" s="123"/>
      <c r="AV13" s="123"/>
      <c r="AW13" s="102"/>
      <c r="AX13" s="95"/>
      <c r="AY13" s="95"/>
      <c r="AZ13" s="95"/>
      <c r="BA13" s="95"/>
      <c r="BB13" s="95"/>
    </row>
    <row r="14" spans="1:54" s="96" customFormat="1" ht="42.75" customHeight="1" x14ac:dyDescent="0.25">
      <c r="A14" s="3"/>
      <c r="B14" s="111"/>
      <c r="C14" s="3"/>
      <c r="D14" s="135"/>
      <c r="E14" s="128"/>
      <c r="F14" s="92"/>
      <c r="G14" s="92"/>
      <c r="H14" s="92"/>
      <c r="I14" s="92"/>
      <c r="J14" s="92"/>
      <c r="K14" s="92"/>
      <c r="L14" s="92"/>
      <c r="M14" s="92"/>
      <c r="N14" s="92"/>
      <c r="O14" s="92"/>
      <c r="P14" s="92"/>
      <c r="Q14" s="92"/>
      <c r="R14" s="92"/>
      <c r="S14" s="92"/>
      <c r="T14" s="92"/>
      <c r="U14" s="92"/>
      <c r="V14" s="92"/>
      <c r="W14" s="92"/>
      <c r="X14" s="92"/>
      <c r="Y14" s="92"/>
      <c r="Z14" s="92"/>
      <c r="AA14" s="92"/>
      <c r="AB14" s="92"/>
      <c r="AC14" s="92"/>
      <c r="AD14" s="92"/>
      <c r="AE14" s="92"/>
      <c r="AF14" s="92"/>
      <c r="AG14" s="92"/>
      <c r="AH14" s="92"/>
      <c r="AI14" s="97"/>
      <c r="AJ14" s="103"/>
      <c r="AK14" s="117"/>
      <c r="AL14" s="123"/>
      <c r="AM14" s="92"/>
      <c r="AN14" s="123"/>
      <c r="AO14" s="94"/>
      <c r="AP14" s="94"/>
      <c r="AQ14" s="94"/>
      <c r="AR14" s="94"/>
      <c r="AS14" s="123"/>
      <c r="AT14" s="123"/>
      <c r="AU14" s="123"/>
      <c r="AV14" s="123"/>
      <c r="AW14" s="102"/>
      <c r="AX14" s="95"/>
      <c r="AY14" s="95"/>
      <c r="AZ14" s="95"/>
      <c r="BA14" s="95"/>
      <c r="BB14" s="95"/>
    </row>
    <row r="15" spans="1:54" s="96" customFormat="1" ht="42.75" customHeight="1" x14ac:dyDescent="0.25">
      <c r="A15" s="3"/>
      <c r="B15" s="111"/>
      <c r="C15" s="3"/>
      <c r="D15" s="135"/>
      <c r="E15" s="128"/>
      <c r="F15" s="92"/>
      <c r="G15" s="92"/>
      <c r="H15" s="92"/>
      <c r="I15" s="92"/>
      <c r="J15" s="92"/>
      <c r="K15" s="92"/>
      <c r="L15" s="92"/>
      <c r="M15" s="92"/>
      <c r="N15" s="92"/>
      <c r="O15" s="92"/>
      <c r="P15" s="92"/>
      <c r="Q15" s="92"/>
      <c r="R15" s="92"/>
      <c r="S15" s="92"/>
      <c r="T15" s="92"/>
      <c r="U15" s="92"/>
      <c r="V15" s="92"/>
      <c r="W15" s="92"/>
      <c r="X15" s="92"/>
      <c r="Y15" s="92"/>
      <c r="Z15" s="92"/>
      <c r="AA15" s="92"/>
      <c r="AB15" s="92"/>
      <c r="AC15" s="92"/>
      <c r="AD15" s="92"/>
      <c r="AE15" s="92"/>
      <c r="AF15" s="92"/>
      <c r="AG15" s="92"/>
      <c r="AH15" s="92"/>
      <c r="AI15" s="97"/>
      <c r="AJ15" s="103"/>
      <c r="AK15" s="117"/>
      <c r="AL15" s="123"/>
      <c r="AM15" s="92"/>
      <c r="AN15" s="123"/>
      <c r="AO15" s="94"/>
      <c r="AP15" s="94"/>
      <c r="AQ15" s="94"/>
      <c r="AR15" s="94"/>
      <c r="AS15" s="123"/>
      <c r="AT15" s="123"/>
      <c r="AU15" s="123"/>
      <c r="AV15" s="123"/>
      <c r="AW15" s="102"/>
      <c r="AX15" s="95"/>
      <c r="AY15" s="95"/>
      <c r="AZ15" s="95"/>
      <c r="BA15" s="95"/>
      <c r="BB15" s="95"/>
    </row>
    <row r="16" spans="1:54" s="96" customFormat="1" ht="42.75" customHeight="1" x14ac:dyDescent="0.25">
      <c r="A16" s="3"/>
      <c r="B16" s="111"/>
      <c r="C16" s="3"/>
      <c r="D16" s="135"/>
      <c r="E16" s="128"/>
      <c r="F16" s="92"/>
      <c r="G16" s="92"/>
      <c r="H16" s="92"/>
      <c r="I16" s="92"/>
      <c r="J16" s="92"/>
      <c r="K16" s="92"/>
      <c r="L16" s="92"/>
      <c r="M16" s="92"/>
      <c r="N16" s="92"/>
      <c r="O16" s="92"/>
      <c r="P16" s="92"/>
      <c r="Q16" s="92"/>
      <c r="R16" s="92"/>
      <c r="S16" s="92"/>
      <c r="T16" s="92"/>
      <c r="U16" s="92"/>
      <c r="V16" s="92"/>
      <c r="W16" s="92"/>
      <c r="X16" s="92"/>
      <c r="Y16" s="92"/>
      <c r="Z16" s="92"/>
      <c r="AA16" s="92"/>
      <c r="AB16" s="92"/>
      <c r="AC16" s="92"/>
      <c r="AD16" s="92"/>
      <c r="AE16" s="92"/>
      <c r="AF16" s="92"/>
      <c r="AG16" s="92"/>
      <c r="AH16" s="92"/>
      <c r="AI16" s="97"/>
      <c r="AJ16" s="103"/>
      <c r="AK16" s="117"/>
      <c r="AL16" s="123"/>
      <c r="AM16" s="92"/>
      <c r="AN16" s="123"/>
      <c r="AO16" s="94"/>
      <c r="AP16" s="94"/>
      <c r="AQ16" s="94"/>
      <c r="AR16" s="94"/>
      <c r="AS16" s="123"/>
      <c r="AT16" s="123"/>
      <c r="AU16" s="123"/>
      <c r="AV16" s="123"/>
      <c r="AW16" s="102"/>
      <c r="AX16" s="95"/>
      <c r="AY16" s="95"/>
      <c r="AZ16" s="95"/>
      <c r="BA16" s="95"/>
      <c r="BB16" s="95"/>
    </row>
    <row r="17" spans="1:54" s="96" customFormat="1" ht="42.75" customHeight="1" x14ac:dyDescent="0.25">
      <c r="A17" s="3"/>
      <c r="B17" s="111"/>
      <c r="C17" s="3"/>
      <c r="D17" s="135"/>
      <c r="E17" s="128"/>
      <c r="F17" s="92"/>
      <c r="G17" s="92"/>
      <c r="H17" s="92"/>
      <c r="I17" s="92"/>
      <c r="J17" s="92"/>
      <c r="K17" s="92"/>
      <c r="L17" s="92"/>
      <c r="M17" s="92"/>
      <c r="N17" s="92"/>
      <c r="O17" s="92"/>
      <c r="P17" s="92"/>
      <c r="Q17" s="92"/>
      <c r="R17" s="92"/>
      <c r="S17" s="92"/>
      <c r="T17" s="92"/>
      <c r="U17" s="92"/>
      <c r="V17" s="92"/>
      <c r="W17" s="92"/>
      <c r="X17" s="92"/>
      <c r="Y17" s="92"/>
      <c r="Z17" s="92"/>
      <c r="AA17" s="92"/>
      <c r="AB17" s="92"/>
      <c r="AC17" s="92"/>
      <c r="AD17" s="92"/>
      <c r="AE17" s="92"/>
      <c r="AF17" s="92"/>
      <c r="AG17" s="92"/>
      <c r="AH17" s="92"/>
      <c r="AI17" s="97"/>
      <c r="AJ17" s="103"/>
      <c r="AK17" s="117"/>
      <c r="AL17" s="123"/>
      <c r="AM17" s="92"/>
      <c r="AN17" s="123"/>
      <c r="AO17" s="94"/>
      <c r="AP17" s="94"/>
      <c r="AQ17" s="94"/>
      <c r="AR17" s="94"/>
      <c r="AS17" s="123"/>
      <c r="AT17" s="123"/>
      <c r="AU17" s="123"/>
      <c r="AV17" s="123"/>
      <c r="AW17" s="102"/>
      <c r="AX17" s="95"/>
      <c r="AY17" s="95"/>
      <c r="AZ17" s="95"/>
      <c r="BA17" s="95"/>
      <c r="BB17" s="95"/>
    </row>
    <row r="18" spans="1:54" s="96" customFormat="1" ht="42.75" customHeight="1" x14ac:dyDescent="0.25">
      <c r="A18" s="3"/>
      <c r="B18" s="111"/>
      <c r="C18" s="3"/>
      <c r="D18" s="135"/>
      <c r="E18" s="128"/>
      <c r="F18" s="92"/>
      <c r="G18" s="92"/>
      <c r="H18" s="92"/>
      <c r="I18" s="92"/>
      <c r="J18" s="92"/>
      <c r="K18" s="92"/>
      <c r="L18" s="92"/>
      <c r="M18" s="92"/>
      <c r="N18" s="92"/>
      <c r="O18" s="92"/>
      <c r="P18" s="92"/>
      <c r="Q18" s="92"/>
      <c r="R18" s="92"/>
      <c r="S18" s="92"/>
      <c r="T18" s="92"/>
      <c r="U18" s="92"/>
      <c r="V18" s="92"/>
      <c r="W18" s="92"/>
      <c r="X18" s="92"/>
      <c r="Y18" s="92"/>
      <c r="Z18" s="92"/>
      <c r="AA18" s="92"/>
      <c r="AB18" s="92"/>
      <c r="AC18" s="92"/>
      <c r="AD18" s="92"/>
      <c r="AE18" s="92"/>
      <c r="AF18" s="92"/>
      <c r="AG18" s="92"/>
      <c r="AH18" s="92"/>
      <c r="AI18" s="97"/>
      <c r="AJ18" s="103"/>
      <c r="AK18" s="117"/>
      <c r="AL18" s="123"/>
      <c r="AM18" s="92"/>
      <c r="AN18" s="123"/>
      <c r="AO18" s="94"/>
      <c r="AP18" s="94"/>
      <c r="AQ18" s="94"/>
      <c r="AR18" s="94"/>
      <c r="AS18" s="123"/>
      <c r="AT18" s="123"/>
      <c r="AU18" s="123"/>
      <c r="AV18" s="123"/>
      <c r="AW18" s="102"/>
      <c r="AX18" s="95"/>
      <c r="AY18" s="95"/>
      <c r="AZ18" s="95"/>
      <c r="BA18" s="95"/>
      <c r="BB18" s="95"/>
    </row>
    <row r="19" spans="1:54" s="96" customFormat="1" ht="42.75" customHeight="1" x14ac:dyDescent="0.25">
      <c r="A19" s="3"/>
      <c r="B19" s="111"/>
      <c r="C19" s="3"/>
      <c r="D19" s="135"/>
      <c r="E19" s="128"/>
      <c r="F19" s="92"/>
      <c r="G19" s="92"/>
      <c r="H19" s="92"/>
      <c r="I19" s="92"/>
      <c r="J19" s="92"/>
      <c r="K19" s="92"/>
      <c r="L19" s="92"/>
      <c r="M19" s="92"/>
      <c r="N19" s="92"/>
      <c r="O19" s="92"/>
      <c r="P19" s="92"/>
      <c r="Q19" s="92"/>
      <c r="R19" s="92"/>
      <c r="S19" s="92"/>
      <c r="T19" s="92"/>
      <c r="U19" s="92"/>
      <c r="V19" s="92"/>
      <c r="W19" s="92"/>
      <c r="X19" s="92"/>
      <c r="Y19" s="92"/>
      <c r="Z19" s="92"/>
      <c r="AA19" s="92"/>
      <c r="AB19" s="92"/>
      <c r="AC19" s="92"/>
      <c r="AD19" s="92"/>
      <c r="AE19" s="92"/>
      <c r="AF19" s="92"/>
      <c r="AG19" s="92"/>
      <c r="AH19" s="92"/>
      <c r="AI19" s="97"/>
      <c r="AJ19" s="103"/>
      <c r="AK19" s="117"/>
      <c r="AL19" s="123"/>
      <c r="AM19" s="92"/>
      <c r="AN19" s="123"/>
      <c r="AO19" s="94"/>
      <c r="AP19" s="94"/>
      <c r="AQ19" s="94"/>
      <c r="AR19" s="94"/>
      <c r="AS19" s="123"/>
      <c r="AT19" s="123"/>
      <c r="AU19" s="123"/>
      <c r="AV19" s="123"/>
      <c r="AW19" s="102"/>
      <c r="AX19" s="95"/>
      <c r="AY19" s="95"/>
      <c r="AZ19" s="95"/>
      <c r="BA19" s="95"/>
      <c r="BB19" s="95"/>
    </row>
    <row r="20" spans="1:54" s="96" customFormat="1" ht="42.75" customHeight="1" x14ac:dyDescent="0.25">
      <c r="A20" s="3"/>
      <c r="B20" s="111"/>
      <c r="C20" s="3"/>
      <c r="D20" s="135"/>
      <c r="E20" s="128"/>
      <c r="F20" s="92"/>
      <c r="G20" s="92"/>
      <c r="H20" s="92"/>
      <c r="I20" s="92"/>
      <c r="J20" s="92"/>
      <c r="K20" s="92"/>
      <c r="L20" s="92"/>
      <c r="M20" s="92"/>
      <c r="N20" s="92"/>
      <c r="O20" s="92"/>
      <c r="P20" s="92"/>
      <c r="Q20" s="92"/>
      <c r="R20" s="92"/>
      <c r="S20" s="92"/>
      <c r="T20" s="92"/>
      <c r="U20" s="92"/>
      <c r="V20" s="92"/>
      <c r="W20" s="92"/>
      <c r="X20" s="92"/>
      <c r="Y20" s="92"/>
      <c r="Z20" s="92"/>
      <c r="AA20" s="92"/>
      <c r="AB20" s="92"/>
      <c r="AC20" s="92"/>
      <c r="AD20" s="92"/>
      <c r="AE20" s="92"/>
      <c r="AF20" s="92"/>
      <c r="AG20" s="92"/>
      <c r="AH20" s="92"/>
      <c r="AI20" s="97"/>
      <c r="AJ20" s="103"/>
      <c r="AK20" s="117"/>
      <c r="AL20" s="123"/>
      <c r="AM20" s="92"/>
      <c r="AN20" s="123"/>
      <c r="AO20" s="94"/>
      <c r="AP20" s="94"/>
      <c r="AQ20" s="94"/>
      <c r="AR20" s="94"/>
      <c r="AS20" s="123"/>
      <c r="AT20" s="123"/>
      <c r="AU20" s="123"/>
      <c r="AV20" s="123"/>
      <c r="AW20" s="102"/>
      <c r="AX20" s="95"/>
      <c r="AY20" s="95"/>
      <c r="AZ20" s="95"/>
      <c r="BA20" s="95"/>
      <c r="BB20" s="95"/>
    </row>
    <row r="21" spans="1:54" s="96" customFormat="1" ht="42.75" customHeight="1" x14ac:dyDescent="0.25">
      <c r="A21" s="99"/>
      <c r="B21" s="99"/>
      <c r="D21" s="136"/>
      <c r="E21" s="130"/>
      <c r="F21" s="98"/>
      <c r="G21" s="98"/>
      <c r="H21" s="98"/>
      <c r="I21" s="98"/>
      <c r="J21" s="98"/>
      <c r="K21" s="98"/>
      <c r="L21" s="98"/>
      <c r="M21" s="98"/>
      <c r="N21" s="98"/>
      <c r="O21" s="98"/>
      <c r="P21" s="98"/>
      <c r="Q21" s="98"/>
      <c r="R21" s="98"/>
      <c r="S21" s="98"/>
      <c r="T21" s="98"/>
      <c r="U21" s="98"/>
      <c r="V21" s="98"/>
      <c r="W21" s="98"/>
      <c r="X21" s="98"/>
      <c r="Y21" s="98"/>
      <c r="Z21" s="98"/>
      <c r="AA21" s="98"/>
      <c r="AB21" s="98"/>
      <c r="AC21" s="98"/>
      <c r="AD21" s="98"/>
      <c r="AE21" s="98"/>
      <c r="AF21" s="98"/>
      <c r="AG21" s="98"/>
      <c r="AH21" s="98"/>
      <c r="AI21" s="98"/>
      <c r="AJ21" s="98"/>
      <c r="AK21" s="118"/>
      <c r="AL21" s="124"/>
      <c r="AM21" s="98"/>
      <c r="AN21" s="124"/>
      <c r="AO21" s="98"/>
      <c r="AP21" s="98"/>
      <c r="AQ21" s="98"/>
      <c r="AR21" s="98"/>
      <c r="AS21" s="124"/>
      <c r="AT21" s="124"/>
      <c r="AU21" s="124"/>
      <c r="AV21" s="124"/>
      <c r="AW21" s="95"/>
      <c r="AX21" s="95"/>
      <c r="AY21" s="95"/>
      <c r="AZ21" s="95"/>
      <c r="BA21" s="95"/>
      <c r="BB21" s="95"/>
    </row>
    <row r="24" spans="1:54" ht="20.25" hidden="1" customHeight="1" x14ac:dyDescent="0.25">
      <c r="A24" s="78" t="s">
        <v>94</v>
      </c>
      <c r="D24" s="137" t="s">
        <v>878</v>
      </c>
      <c r="AJ24" t="s">
        <v>873</v>
      </c>
      <c r="AK24" s="119" t="s">
        <v>454</v>
      </c>
      <c r="AL24" s="125" t="s">
        <v>470</v>
      </c>
      <c r="AM24" t="s">
        <v>477</v>
      </c>
      <c r="AN24" s="125" t="s">
        <v>489</v>
      </c>
      <c r="AO24" t="s">
        <v>874</v>
      </c>
      <c r="AP24" t="s">
        <v>875</v>
      </c>
      <c r="AQ24" t="s">
        <v>876</v>
      </c>
      <c r="AR24" t="s">
        <v>669</v>
      </c>
      <c r="AS24" s="125" t="s">
        <v>877</v>
      </c>
      <c r="AT24" s="125" t="s">
        <v>738</v>
      </c>
      <c r="AU24" s="125" t="s">
        <v>762</v>
      </c>
      <c r="AV24" s="125" t="s">
        <v>773</v>
      </c>
    </row>
    <row r="25" spans="1:54" ht="20.25" hidden="1" customHeight="1" x14ac:dyDescent="0.25">
      <c r="A25" s="1" t="s">
        <v>975</v>
      </c>
      <c r="D25" s="137" t="s">
        <v>970</v>
      </c>
      <c r="L25" s="168" t="s">
        <v>993</v>
      </c>
      <c r="M25" s="168"/>
      <c r="N25" s="168"/>
      <c r="O25" s="168" t="s">
        <v>992</v>
      </c>
      <c r="P25" s="168"/>
      <c r="Q25" s="168"/>
      <c r="AJ25" t="s">
        <v>883</v>
      </c>
      <c r="AK25" s="119" t="s">
        <v>899</v>
      </c>
      <c r="AL25" s="125" t="s">
        <v>900</v>
      </c>
      <c r="AM25" t="s">
        <v>901</v>
      </c>
      <c r="AN25" s="125" t="s">
        <v>989</v>
      </c>
      <c r="AO25" t="s">
        <v>911</v>
      </c>
      <c r="AP25" t="s">
        <v>929</v>
      </c>
      <c r="AQ25" t="s">
        <v>935</v>
      </c>
      <c r="AR25" t="s">
        <v>940</v>
      </c>
      <c r="AS25" s="125" t="s">
        <v>947</v>
      </c>
      <c r="AT25" s="125" t="s">
        <v>956</v>
      </c>
      <c r="AU25" s="125" t="s">
        <v>963</v>
      </c>
      <c r="AV25" s="125" t="s">
        <v>968</v>
      </c>
    </row>
    <row r="26" spans="1:54" ht="20.25" hidden="1" customHeight="1" x14ac:dyDescent="0.25">
      <c r="A26" s="1" t="s">
        <v>976</v>
      </c>
      <c r="D26" s="137" t="s">
        <v>971</v>
      </c>
      <c r="L26" s="169" t="s">
        <v>990</v>
      </c>
      <c r="M26" s="24" t="s">
        <v>65</v>
      </c>
      <c r="N26" s="25" t="s">
        <v>68</v>
      </c>
      <c r="O26" s="2" t="s">
        <v>902</v>
      </c>
      <c r="P26" s="81" t="s">
        <v>65</v>
      </c>
      <c r="Q26" s="16" t="s">
        <v>486</v>
      </c>
      <c r="AJ26" t="s">
        <v>884</v>
      </c>
      <c r="AK26" s="119"/>
      <c r="AL26" s="125"/>
      <c r="AM26"/>
      <c r="AN26" s="125" t="s">
        <v>903</v>
      </c>
      <c r="AO26" t="s">
        <v>912</v>
      </c>
      <c r="AP26" t="s">
        <v>930</v>
      </c>
      <c r="AQ26" t="s">
        <v>936</v>
      </c>
      <c r="AR26" t="s">
        <v>941</v>
      </c>
      <c r="AS26" s="125" t="s">
        <v>948</v>
      </c>
      <c r="AT26" s="125" t="s">
        <v>957</v>
      </c>
      <c r="AU26" s="125" t="s">
        <v>964</v>
      </c>
      <c r="AV26" s="125" t="s">
        <v>969</v>
      </c>
    </row>
    <row r="27" spans="1:54" ht="20.25" hidden="1" customHeight="1" x14ac:dyDescent="0.25">
      <c r="A27" s="1" t="s">
        <v>977</v>
      </c>
      <c r="D27" s="137" t="s">
        <v>972</v>
      </c>
      <c r="L27" s="169"/>
      <c r="M27" s="18" t="s">
        <v>70</v>
      </c>
      <c r="N27" s="19" t="s">
        <v>71</v>
      </c>
      <c r="O27" s="2"/>
      <c r="P27" s="82" t="s">
        <v>490</v>
      </c>
      <c r="Q27" s="19" t="s">
        <v>491</v>
      </c>
      <c r="AJ27" t="s">
        <v>885</v>
      </c>
      <c r="AK27" s="119"/>
      <c r="AL27" s="125"/>
      <c r="AM27"/>
      <c r="AN27" s="125" t="s">
        <v>904</v>
      </c>
      <c r="AO27" t="s">
        <v>913</v>
      </c>
      <c r="AP27" t="s">
        <v>931</v>
      </c>
      <c r="AQ27" t="s">
        <v>937</v>
      </c>
      <c r="AR27" t="s">
        <v>942</v>
      </c>
      <c r="AS27" s="125" t="s">
        <v>949</v>
      </c>
      <c r="AT27" s="125" t="s">
        <v>958</v>
      </c>
      <c r="AU27" s="125" t="s">
        <v>965</v>
      </c>
      <c r="AV27" s="125" t="s">
        <v>910</v>
      </c>
    </row>
    <row r="28" spans="1:54" ht="20.25" hidden="1" customHeight="1" x14ac:dyDescent="0.25">
      <c r="A28" s="1" t="s">
        <v>978</v>
      </c>
      <c r="D28" s="137" t="s">
        <v>973</v>
      </c>
      <c r="L28" s="169"/>
      <c r="M28" s="18" t="s">
        <v>73</v>
      </c>
      <c r="N28" s="19" t="s">
        <v>74</v>
      </c>
      <c r="O28" s="2"/>
      <c r="P28" s="82" t="s">
        <v>172</v>
      </c>
      <c r="Q28" s="19" t="s">
        <v>339</v>
      </c>
      <c r="AJ28" t="s">
        <v>886</v>
      </c>
      <c r="AK28" s="119"/>
      <c r="AL28" s="125"/>
      <c r="AM28"/>
      <c r="AN28" s="125" t="s">
        <v>905</v>
      </c>
      <c r="AO28" t="s">
        <v>914</v>
      </c>
      <c r="AP28" t="s">
        <v>932</v>
      </c>
      <c r="AQ28" t="s">
        <v>938</v>
      </c>
      <c r="AR28" t="s">
        <v>943</v>
      </c>
      <c r="AS28" s="125" t="s">
        <v>950</v>
      </c>
      <c r="AT28" s="125" t="s">
        <v>959</v>
      </c>
      <c r="AU28" s="125" t="s">
        <v>966</v>
      </c>
      <c r="AV28" s="125"/>
    </row>
    <row r="29" spans="1:54" ht="20.25" hidden="1" customHeight="1" x14ac:dyDescent="0.25">
      <c r="A29" s="1" t="s">
        <v>979</v>
      </c>
      <c r="D29" s="137" t="s">
        <v>974</v>
      </c>
      <c r="L29" s="169"/>
      <c r="M29" s="18" t="s">
        <v>76</v>
      </c>
      <c r="N29" s="19" t="s">
        <v>77</v>
      </c>
      <c r="O29" s="2"/>
      <c r="P29" s="82" t="s">
        <v>76</v>
      </c>
      <c r="Q29" s="19" t="s">
        <v>493</v>
      </c>
      <c r="AJ29" t="s">
        <v>887</v>
      </c>
      <c r="AK29" s="119"/>
      <c r="AL29" s="125"/>
      <c r="AM29"/>
      <c r="AN29" s="125" t="s">
        <v>906</v>
      </c>
      <c r="AO29" t="s">
        <v>915</v>
      </c>
      <c r="AP29" t="s">
        <v>933</v>
      </c>
      <c r="AQ29" t="s">
        <v>939</v>
      </c>
      <c r="AR29" t="s">
        <v>944</v>
      </c>
      <c r="AS29" s="125" t="s">
        <v>951</v>
      </c>
      <c r="AT29" s="125" t="s">
        <v>960</v>
      </c>
      <c r="AU29" s="125" t="s">
        <v>967</v>
      </c>
      <c r="AV29" s="125"/>
    </row>
    <row r="30" spans="1:54" ht="20.25" hidden="1" customHeight="1" x14ac:dyDescent="0.25">
      <c r="A30" s="1" t="s">
        <v>980</v>
      </c>
      <c r="D30" s="137" t="s">
        <v>910</v>
      </c>
      <c r="L30" s="169"/>
      <c r="M30" s="18" t="s">
        <v>79</v>
      </c>
      <c r="N30" s="19" t="s">
        <v>80</v>
      </c>
      <c r="O30" s="2"/>
      <c r="P30" s="82" t="s">
        <v>79</v>
      </c>
      <c r="Q30" s="19" t="s">
        <v>495</v>
      </c>
      <c r="AJ30" t="s">
        <v>888</v>
      </c>
      <c r="AK30" s="119"/>
      <c r="AL30" s="125"/>
      <c r="AM30"/>
      <c r="AN30" s="125" t="s">
        <v>907</v>
      </c>
      <c r="AO30" t="s">
        <v>916</v>
      </c>
      <c r="AP30" t="s">
        <v>934</v>
      </c>
      <c r="AQ30" t="s">
        <v>910</v>
      </c>
      <c r="AR30" t="s">
        <v>945</v>
      </c>
      <c r="AS30" s="125" t="s">
        <v>952</v>
      </c>
      <c r="AT30" s="125" t="s">
        <v>961</v>
      </c>
      <c r="AU30" s="125" t="s">
        <v>910</v>
      </c>
      <c r="AV30" s="125"/>
    </row>
    <row r="31" spans="1:54" ht="20.25" hidden="1" customHeight="1" x14ac:dyDescent="0.25">
      <c r="A31" s="1" t="s">
        <v>981</v>
      </c>
      <c r="D31" s="137"/>
      <c r="L31" s="169"/>
      <c r="M31" s="18" t="s">
        <v>82</v>
      </c>
      <c r="N31" s="19" t="s">
        <v>83</v>
      </c>
      <c r="O31" s="2"/>
      <c r="P31" s="83" t="s">
        <v>93</v>
      </c>
      <c r="Q31" s="22" t="s">
        <v>94</v>
      </c>
      <c r="AJ31" t="s">
        <v>889</v>
      </c>
      <c r="AK31" s="119"/>
      <c r="AL31" s="125"/>
      <c r="AM31"/>
      <c r="AN31" s="125" t="s">
        <v>908</v>
      </c>
      <c r="AO31" t="s">
        <v>917</v>
      </c>
      <c r="AP31" t="s">
        <v>910</v>
      </c>
      <c r="AQ31"/>
      <c r="AR31" t="s">
        <v>946</v>
      </c>
      <c r="AS31" s="125" t="s">
        <v>953</v>
      </c>
      <c r="AT31" s="125" t="s">
        <v>962</v>
      </c>
      <c r="AU31" s="125"/>
      <c r="AV31" s="125"/>
    </row>
    <row r="32" spans="1:54" ht="20.25" hidden="1" customHeight="1" x14ac:dyDescent="0.25">
      <c r="A32" s="1" t="s">
        <v>982</v>
      </c>
      <c r="D32" s="137"/>
      <c r="L32" s="169"/>
      <c r="M32" s="18" t="s">
        <v>85</v>
      </c>
      <c r="N32" s="19" t="s">
        <v>86</v>
      </c>
      <c r="O32" s="2" t="s">
        <v>903</v>
      </c>
      <c r="P32" s="43"/>
      <c r="Q32" s="44"/>
      <c r="AJ32" t="s">
        <v>890</v>
      </c>
      <c r="AK32" s="119"/>
      <c r="AL32" s="125"/>
      <c r="AM32"/>
      <c r="AN32" s="125" t="s">
        <v>909</v>
      </c>
      <c r="AO32" s="6" t="s">
        <v>918</v>
      </c>
      <c r="AP32"/>
      <c r="AR32" t="s">
        <v>910</v>
      </c>
      <c r="AS32" s="120" t="s">
        <v>954</v>
      </c>
      <c r="AT32" s="125" t="s">
        <v>910</v>
      </c>
      <c r="AU32" s="125"/>
      <c r="AV32" s="125"/>
    </row>
    <row r="33" spans="1:48" ht="20.25" hidden="1" customHeight="1" x14ac:dyDescent="0.25">
      <c r="A33" s="1" t="s">
        <v>983</v>
      </c>
      <c r="D33" s="137"/>
      <c r="L33" s="169"/>
      <c r="M33" s="18" t="s">
        <v>88</v>
      </c>
      <c r="N33" s="19" t="s">
        <v>89</v>
      </c>
      <c r="O33" s="2" t="s">
        <v>904</v>
      </c>
      <c r="P33" s="43"/>
      <c r="Q33" s="44"/>
      <c r="AJ33" t="s">
        <v>891</v>
      </c>
      <c r="AK33" s="119"/>
      <c r="AL33" s="125"/>
      <c r="AM33"/>
      <c r="AN33" s="125" t="s">
        <v>910</v>
      </c>
      <c r="AO33" s="6" t="s">
        <v>919</v>
      </c>
      <c r="AP33"/>
      <c r="AR33"/>
      <c r="AS33" s="120" t="s">
        <v>955</v>
      </c>
      <c r="AT33" s="125"/>
      <c r="AU33" s="125"/>
      <c r="AV33" s="125"/>
    </row>
    <row r="34" spans="1:48" ht="20.25" hidden="1" customHeight="1" x14ac:dyDescent="0.25">
      <c r="A34" s="1" t="s">
        <v>984</v>
      </c>
      <c r="D34" s="137"/>
      <c r="L34" s="169"/>
      <c r="M34" s="18" t="s">
        <v>90</v>
      </c>
      <c r="N34" s="19" t="s">
        <v>91</v>
      </c>
      <c r="O34" s="2" t="s">
        <v>905</v>
      </c>
      <c r="P34" s="81" t="s">
        <v>65</v>
      </c>
      <c r="Q34" s="16" t="s">
        <v>504</v>
      </c>
      <c r="AJ34" t="s">
        <v>892</v>
      </c>
      <c r="AK34" s="119"/>
      <c r="AL34" s="125"/>
      <c r="AM34"/>
      <c r="AO34" s="6" t="s">
        <v>920</v>
      </c>
      <c r="AP34"/>
      <c r="AR34"/>
      <c r="AS34" s="120" t="s">
        <v>910</v>
      </c>
      <c r="AT34" s="125"/>
      <c r="AU34" s="125"/>
      <c r="AV34" s="125"/>
    </row>
    <row r="35" spans="1:48" ht="20.25" hidden="1" customHeight="1" x14ac:dyDescent="0.25">
      <c r="A35" s="1" t="s">
        <v>985</v>
      </c>
      <c r="D35" s="137"/>
      <c r="L35" s="169"/>
      <c r="M35" s="21" t="s">
        <v>93</v>
      </c>
      <c r="N35" s="22" t="s">
        <v>94</v>
      </c>
      <c r="O35" s="2"/>
      <c r="P35" s="82" t="s">
        <v>70</v>
      </c>
      <c r="Q35" s="19" t="s">
        <v>507</v>
      </c>
      <c r="AJ35" t="s">
        <v>893</v>
      </c>
      <c r="AK35" s="119"/>
      <c r="AL35" s="125"/>
      <c r="AM35"/>
      <c r="AO35" s="6" t="s">
        <v>921</v>
      </c>
      <c r="AP35"/>
      <c r="AR35"/>
      <c r="AT35" s="125"/>
      <c r="AU35" s="125"/>
      <c r="AV35" s="125"/>
    </row>
    <row r="36" spans="1:48" ht="20.25" hidden="1" customHeight="1" x14ac:dyDescent="0.25">
      <c r="A36" s="1" t="s">
        <v>986</v>
      </c>
      <c r="D36" s="137"/>
      <c r="L36" s="170" t="s">
        <v>991</v>
      </c>
      <c r="M36" s="15" t="s">
        <v>65</v>
      </c>
      <c r="N36" s="16" t="s">
        <v>97</v>
      </c>
      <c r="O36" s="2"/>
      <c r="P36" s="82" t="s">
        <v>172</v>
      </c>
      <c r="Q36" s="19" t="s">
        <v>509</v>
      </c>
      <c r="AJ36" t="s">
        <v>894</v>
      </c>
      <c r="AK36" s="119"/>
      <c r="AL36" s="125"/>
      <c r="AM36"/>
      <c r="AO36" s="6" t="s">
        <v>922</v>
      </c>
      <c r="AP36"/>
      <c r="AR36"/>
      <c r="AT36" s="125"/>
      <c r="AU36" s="125"/>
      <c r="AV36" s="125"/>
    </row>
    <row r="37" spans="1:48" ht="20.25" hidden="1" customHeight="1" x14ac:dyDescent="0.25">
      <c r="A37" s="1" t="s">
        <v>987</v>
      </c>
      <c r="D37" s="137"/>
      <c r="L37" s="170"/>
      <c r="M37" s="18" t="s">
        <v>70</v>
      </c>
      <c r="N37" s="19" t="s">
        <v>99</v>
      </c>
      <c r="O37" s="2"/>
      <c r="P37" s="83" t="s">
        <v>93</v>
      </c>
      <c r="Q37" s="22" t="s">
        <v>94</v>
      </c>
      <c r="AJ37" t="s">
        <v>895</v>
      </c>
      <c r="AK37" s="119"/>
      <c r="AL37" s="125"/>
      <c r="AM37"/>
      <c r="AO37" s="6" t="s">
        <v>923</v>
      </c>
      <c r="AP37"/>
      <c r="AT37" s="125"/>
      <c r="AU37" s="125"/>
      <c r="AV37" s="125"/>
    </row>
    <row r="38" spans="1:48" ht="20.25" hidden="1" customHeight="1" x14ac:dyDescent="0.25">
      <c r="A38" s="1" t="s">
        <v>988</v>
      </c>
      <c r="D38" s="137"/>
      <c r="L38" s="170"/>
      <c r="M38" s="18" t="s">
        <v>73</v>
      </c>
      <c r="N38" s="19" t="s">
        <v>101</v>
      </c>
      <c r="O38" s="2" t="s">
        <v>906</v>
      </c>
      <c r="P38" s="43"/>
      <c r="Q38" s="44"/>
      <c r="AJ38" t="s">
        <v>896</v>
      </c>
      <c r="AK38" s="119"/>
      <c r="AL38" s="125"/>
      <c r="AM38"/>
      <c r="AO38" s="6" t="s">
        <v>924</v>
      </c>
      <c r="AP38"/>
      <c r="AT38" s="125"/>
      <c r="AU38" s="125"/>
    </row>
    <row r="39" spans="1:48" ht="20.25" hidden="1" customHeight="1" x14ac:dyDescent="0.25">
      <c r="A39" s="1" t="s">
        <v>910</v>
      </c>
      <c r="D39" s="137"/>
      <c r="L39" s="170"/>
      <c r="M39" s="18" t="s">
        <v>76</v>
      </c>
      <c r="N39" s="19" t="s">
        <v>103</v>
      </c>
      <c r="O39" s="2" t="s">
        <v>907</v>
      </c>
      <c r="P39" s="81" t="s">
        <v>65</v>
      </c>
      <c r="Q39" s="16" t="s">
        <v>515</v>
      </c>
      <c r="AJ39" t="s">
        <v>897</v>
      </c>
      <c r="AK39" s="119"/>
      <c r="AL39" s="125"/>
      <c r="AM39"/>
      <c r="AO39" s="6" t="s">
        <v>925</v>
      </c>
      <c r="AP39"/>
      <c r="AU39" s="125"/>
    </row>
    <row r="40" spans="1:48" ht="20.25" hidden="1" customHeight="1" x14ac:dyDescent="0.25">
      <c r="L40" s="170"/>
      <c r="M40" s="18" t="s">
        <v>79</v>
      </c>
      <c r="N40" s="19" t="s">
        <v>105</v>
      </c>
      <c r="O40" s="2"/>
      <c r="P40" s="82" t="s">
        <v>70</v>
      </c>
      <c r="Q40" s="19" t="s">
        <v>517</v>
      </c>
      <c r="AJ40" t="s">
        <v>898</v>
      </c>
      <c r="AK40" s="119"/>
      <c r="AL40" s="125"/>
      <c r="AM40"/>
      <c r="AO40" s="6" t="s">
        <v>926</v>
      </c>
      <c r="AU40" s="125"/>
    </row>
    <row r="41" spans="1:48" ht="20.25" hidden="1" customHeight="1" x14ac:dyDescent="0.25">
      <c r="L41" s="170"/>
      <c r="M41" s="18" t="s">
        <v>82</v>
      </c>
      <c r="N41" s="19" t="s">
        <v>107</v>
      </c>
      <c r="O41" s="2"/>
      <c r="P41" s="83" t="s">
        <v>93</v>
      </c>
      <c r="Q41" s="22" t="s">
        <v>94</v>
      </c>
      <c r="AJ41" t="s">
        <v>59</v>
      </c>
      <c r="AK41" s="119"/>
      <c r="AL41" s="125"/>
      <c r="AM41"/>
      <c r="AO41" s="6" t="s">
        <v>927</v>
      </c>
      <c r="AU41" s="125"/>
    </row>
    <row r="42" spans="1:48" ht="20.25" hidden="1" customHeight="1" x14ac:dyDescent="0.25">
      <c r="L42" s="170"/>
      <c r="M42" s="18" t="s">
        <v>85</v>
      </c>
      <c r="N42" s="19" t="s">
        <v>109</v>
      </c>
      <c r="O42" s="2" t="s">
        <v>908</v>
      </c>
      <c r="P42" s="43"/>
      <c r="Q42" s="44"/>
      <c r="AO42" s="6" t="s">
        <v>928</v>
      </c>
    </row>
    <row r="43" spans="1:48" ht="20.25" hidden="1" customHeight="1" x14ac:dyDescent="0.25">
      <c r="L43" s="170"/>
      <c r="M43" s="18" t="s">
        <v>88</v>
      </c>
      <c r="N43" s="19" t="s">
        <v>111</v>
      </c>
      <c r="O43" s="2" t="s">
        <v>909</v>
      </c>
      <c r="P43" s="81" t="s">
        <v>65</v>
      </c>
      <c r="Q43" s="16" t="s">
        <v>525</v>
      </c>
      <c r="AO43" s="6" t="s">
        <v>910</v>
      </c>
    </row>
    <row r="44" spans="1:48" ht="20.25" hidden="1" customHeight="1" x14ac:dyDescent="0.25">
      <c r="L44" s="170"/>
      <c r="M44" s="18" t="s">
        <v>90</v>
      </c>
      <c r="N44" s="19" t="s">
        <v>112</v>
      </c>
      <c r="O44" s="2"/>
      <c r="P44" s="82" t="s">
        <v>490</v>
      </c>
      <c r="Q44" s="19" t="s">
        <v>527</v>
      </c>
    </row>
    <row r="45" spans="1:48" ht="20.25" hidden="1" customHeight="1" x14ac:dyDescent="0.25">
      <c r="L45" s="170"/>
      <c r="M45" s="18" t="s">
        <v>114</v>
      </c>
      <c r="N45" s="19" t="s">
        <v>115</v>
      </c>
      <c r="O45" s="2"/>
      <c r="P45" s="82" t="s">
        <v>73</v>
      </c>
      <c r="Q45" s="19" t="s">
        <v>529</v>
      </c>
    </row>
    <row r="46" spans="1:48" ht="20.25" hidden="1" customHeight="1" x14ac:dyDescent="0.25">
      <c r="L46" s="170"/>
      <c r="M46" s="18" t="s">
        <v>117</v>
      </c>
      <c r="N46" s="19" t="s">
        <v>118</v>
      </c>
      <c r="O46" s="2"/>
      <c r="P46" s="83" t="s">
        <v>93</v>
      </c>
      <c r="Q46" s="22" t="s">
        <v>94</v>
      </c>
    </row>
    <row r="47" spans="1:48" ht="20.25" hidden="1" customHeight="1" x14ac:dyDescent="0.25">
      <c r="L47" s="170"/>
      <c r="M47" s="18" t="s">
        <v>119</v>
      </c>
      <c r="N47" s="19" t="s">
        <v>120</v>
      </c>
      <c r="O47" s="2" t="s">
        <v>910</v>
      </c>
      <c r="P47" s="43"/>
      <c r="Q47" s="44"/>
    </row>
    <row r="48" spans="1:48" ht="20.25" hidden="1" customHeight="1" x14ac:dyDescent="0.25">
      <c r="L48" s="170"/>
      <c r="M48" s="21" t="s">
        <v>93</v>
      </c>
      <c r="N48" s="22" t="s">
        <v>94</v>
      </c>
      <c r="O48" s="2" t="s">
        <v>911</v>
      </c>
      <c r="P48" s="81" t="s">
        <v>65</v>
      </c>
      <c r="Q48" s="16" t="s">
        <v>531</v>
      </c>
    </row>
    <row r="49" spans="12:17" ht="20.25" hidden="1" customHeight="1" x14ac:dyDescent="0.25">
      <c r="L49" s="163" t="s">
        <v>885</v>
      </c>
      <c r="M49" s="15" t="s">
        <v>65</v>
      </c>
      <c r="N49" s="16" t="s">
        <v>123</v>
      </c>
      <c r="O49" s="2"/>
      <c r="P49" s="82" t="s">
        <v>70</v>
      </c>
      <c r="Q49" s="19" t="s">
        <v>535</v>
      </c>
    </row>
    <row r="50" spans="12:17" ht="20.25" hidden="1" customHeight="1" x14ac:dyDescent="0.25">
      <c r="L50" s="163"/>
      <c r="M50" s="18" t="s">
        <v>70</v>
      </c>
      <c r="N50" s="19" t="s">
        <v>125</v>
      </c>
      <c r="O50" s="2"/>
      <c r="P50" s="83" t="s">
        <v>93</v>
      </c>
      <c r="Q50" s="22" t="s">
        <v>94</v>
      </c>
    </row>
    <row r="51" spans="12:17" ht="20.25" hidden="1" customHeight="1" x14ac:dyDescent="0.25">
      <c r="L51" s="163"/>
      <c r="M51" s="18" t="s">
        <v>73</v>
      </c>
      <c r="N51" s="19" t="s">
        <v>127</v>
      </c>
      <c r="O51" s="2" t="s">
        <v>912</v>
      </c>
      <c r="P51" s="81" t="s">
        <v>65</v>
      </c>
      <c r="Q51" s="16" t="s">
        <v>539</v>
      </c>
    </row>
    <row r="52" spans="12:17" ht="20.25" hidden="1" customHeight="1" x14ac:dyDescent="0.25">
      <c r="L52" s="163"/>
      <c r="M52" s="18" t="s">
        <v>76</v>
      </c>
      <c r="N52" s="19" t="s">
        <v>129</v>
      </c>
      <c r="O52" s="2"/>
      <c r="P52" s="82" t="s">
        <v>70</v>
      </c>
      <c r="Q52" s="19" t="s">
        <v>542</v>
      </c>
    </row>
    <row r="53" spans="12:17" ht="20.25" hidden="1" customHeight="1" x14ac:dyDescent="0.25">
      <c r="L53" s="163"/>
      <c r="M53" s="18" t="s">
        <v>79</v>
      </c>
      <c r="N53" s="19" t="s">
        <v>131</v>
      </c>
      <c r="O53" s="2"/>
      <c r="P53" s="82" t="s">
        <v>172</v>
      </c>
      <c r="Q53" s="19" t="s">
        <v>544</v>
      </c>
    </row>
    <row r="54" spans="12:17" ht="20.25" hidden="1" customHeight="1" x14ac:dyDescent="0.25">
      <c r="L54" s="163"/>
      <c r="M54" s="18" t="s">
        <v>82</v>
      </c>
      <c r="N54" s="19" t="s">
        <v>132</v>
      </c>
      <c r="O54" s="2"/>
      <c r="P54" s="83" t="s">
        <v>93</v>
      </c>
      <c r="Q54" s="22" t="s">
        <v>94</v>
      </c>
    </row>
    <row r="55" spans="12:17" ht="20.25" hidden="1" customHeight="1" x14ac:dyDescent="0.25">
      <c r="L55" s="163"/>
      <c r="M55" s="21" t="s">
        <v>93</v>
      </c>
      <c r="N55" s="22" t="s">
        <v>94</v>
      </c>
      <c r="O55" s="2" t="s">
        <v>913</v>
      </c>
      <c r="P55" s="43"/>
      <c r="Q55" s="44"/>
    </row>
    <row r="56" spans="12:17" ht="20.25" hidden="1" customHeight="1" x14ac:dyDescent="0.25">
      <c r="L56" s="163" t="s">
        <v>886</v>
      </c>
      <c r="M56" s="15" t="s">
        <v>65</v>
      </c>
      <c r="N56" s="16" t="s">
        <v>136</v>
      </c>
      <c r="O56" s="2" t="s">
        <v>914</v>
      </c>
      <c r="P56" s="81" t="s">
        <v>65</v>
      </c>
      <c r="Q56" s="16" t="s">
        <v>551</v>
      </c>
    </row>
    <row r="57" spans="12:17" ht="20.25" hidden="1" customHeight="1" x14ac:dyDescent="0.25">
      <c r="L57" s="163"/>
      <c r="M57" s="18" t="s">
        <v>70</v>
      </c>
      <c r="N57" s="19" t="s">
        <v>138</v>
      </c>
      <c r="O57" s="2"/>
      <c r="P57" s="82" t="s">
        <v>490</v>
      </c>
      <c r="Q57" s="19" t="s">
        <v>554</v>
      </c>
    </row>
    <row r="58" spans="12:17" ht="20.25" hidden="1" customHeight="1" x14ac:dyDescent="0.25">
      <c r="L58" s="163"/>
      <c r="M58" s="18" t="s">
        <v>73</v>
      </c>
      <c r="N58" s="19" t="s">
        <v>140</v>
      </c>
      <c r="O58" s="2"/>
      <c r="P58" s="83" t="s">
        <v>93</v>
      </c>
      <c r="Q58" s="22" t="s">
        <v>94</v>
      </c>
    </row>
    <row r="59" spans="12:17" ht="20.25" hidden="1" customHeight="1" x14ac:dyDescent="0.25">
      <c r="L59" s="163"/>
      <c r="M59" s="18" t="s">
        <v>142</v>
      </c>
      <c r="N59" s="19" t="s">
        <v>143</v>
      </c>
      <c r="O59" s="2" t="s">
        <v>915</v>
      </c>
      <c r="P59" s="81" t="s">
        <v>65</v>
      </c>
      <c r="Q59" s="16" t="s">
        <v>557</v>
      </c>
    </row>
    <row r="60" spans="12:17" ht="20.25" hidden="1" customHeight="1" x14ac:dyDescent="0.25">
      <c r="L60" s="163"/>
      <c r="M60" s="18" t="s">
        <v>79</v>
      </c>
      <c r="N60" s="19" t="s">
        <v>144</v>
      </c>
      <c r="O60" s="2"/>
      <c r="P60" s="82" t="s">
        <v>490</v>
      </c>
      <c r="Q60" s="19" t="s">
        <v>560</v>
      </c>
    </row>
    <row r="61" spans="12:17" ht="20.25" hidden="1" customHeight="1" x14ac:dyDescent="0.25">
      <c r="L61" s="163"/>
      <c r="M61" s="18" t="s">
        <v>82</v>
      </c>
      <c r="N61" s="19" t="s">
        <v>146</v>
      </c>
      <c r="O61" s="2"/>
      <c r="P61" s="82" t="s">
        <v>73</v>
      </c>
      <c r="Q61" s="19" t="s">
        <v>562</v>
      </c>
    </row>
    <row r="62" spans="12:17" ht="20.25" hidden="1" customHeight="1" x14ac:dyDescent="0.25">
      <c r="L62" s="163"/>
      <c r="M62" s="18" t="s">
        <v>85</v>
      </c>
      <c r="N62" s="19" t="s">
        <v>148</v>
      </c>
      <c r="O62" s="2"/>
      <c r="P62" s="83" t="s">
        <v>93</v>
      </c>
      <c r="Q62" s="22" t="s">
        <v>94</v>
      </c>
    </row>
    <row r="63" spans="12:17" ht="20.25" hidden="1" customHeight="1" x14ac:dyDescent="0.25">
      <c r="L63" s="163"/>
      <c r="M63" s="18" t="s">
        <v>88</v>
      </c>
      <c r="N63" s="19" t="s">
        <v>150</v>
      </c>
      <c r="O63" s="2" t="s">
        <v>916</v>
      </c>
      <c r="P63" s="43"/>
      <c r="Q63" s="44"/>
    </row>
    <row r="64" spans="12:17" ht="20.25" hidden="1" customHeight="1" x14ac:dyDescent="0.25">
      <c r="L64" s="163"/>
      <c r="M64" s="18" t="s">
        <v>90</v>
      </c>
      <c r="N64" s="19" t="s">
        <v>152</v>
      </c>
      <c r="O64" s="2" t="s">
        <v>917</v>
      </c>
      <c r="P64" s="43"/>
      <c r="Q64" s="44"/>
    </row>
    <row r="65" spans="12:17" ht="20.25" hidden="1" customHeight="1" x14ac:dyDescent="0.25">
      <c r="L65" s="163"/>
      <c r="M65" s="18" t="s">
        <v>114</v>
      </c>
      <c r="N65" s="19" t="s">
        <v>154</v>
      </c>
      <c r="O65" s="2" t="s">
        <v>918</v>
      </c>
      <c r="P65" s="43"/>
      <c r="Q65" s="44"/>
    </row>
    <row r="66" spans="12:17" ht="20.25" hidden="1" customHeight="1" x14ac:dyDescent="0.25">
      <c r="L66" s="163"/>
      <c r="M66" s="18" t="s">
        <v>117</v>
      </c>
      <c r="N66" s="19" t="s">
        <v>156</v>
      </c>
      <c r="O66" s="2" t="s">
        <v>919</v>
      </c>
      <c r="P66" s="43"/>
      <c r="Q66" s="44"/>
    </row>
    <row r="67" spans="12:17" ht="20.25" hidden="1" customHeight="1" x14ac:dyDescent="0.25">
      <c r="L67" s="163"/>
      <c r="M67" s="18" t="s">
        <v>119</v>
      </c>
      <c r="N67" s="19" t="s">
        <v>158</v>
      </c>
      <c r="O67" s="2" t="s">
        <v>920</v>
      </c>
      <c r="P67" s="43"/>
      <c r="Q67" s="44"/>
    </row>
    <row r="68" spans="12:17" ht="20.25" hidden="1" customHeight="1" x14ac:dyDescent="0.25">
      <c r="L68" s="163"/>
      <c r="M68" s="18" t="s">
        <v>160</v>
      </c>
      <c r="N68" s="19" t="s">
        <v>161</v>
      </c>
      <c r="O68" s="2" t="s">
        <v>921</v>
      </c>
      <c r="P68" s="43"/>
      <c r="Q68" s="44"/>
    </row>
    <row r="69" spans="12:17" ht="20.25" hidden="1" customHeight="1" x14ac:dyDescent="0.25">
      <c r="L69" s="163"/>
      <c r="M69" s="18" t="s">
        <v>163</v>
      </c>
      <c r="N69" s="19" t="s">
        <v>164</v>
      </c>
      <c r="O69" s="2" t="s">
        <v>922</v>
      </c>
      <c r="P69" s="43"/>
      <c r="Q69" s="44"/>
    </row>
    <row r="70" spans="12:17" ht="20.25" hidden="1" customHeight="1" x14ac:dyDescent="0.25">
      <c r="L70" s="163"/>
      <c r="M70" s="21" t="s">
        <v>93</v>
      </c>
      <c r="N70" s="22" t="s">
        <v>94</v>
      </c>
      <c r="O70" s="2" t="s">
        <v>923</v>
      </c>
      <c r="P70" s="43"/>
      <c r="Q70" s="44"/>
    </row>
    <row r="71" spans="12:17" ht="20.25" hidden="1" customHeight="1" x14ac:dyDescent="0.25">
      <c r="L71" s="163" t="s">
        <v>854</v>
      </c>
      <c r="M71" s="15" t="s">
        <v>65</v>
      </c>
      <c r="N71" s="16" t="s">
        <v>168</v>
      </c>
      <c r="O71" s="2" t="s">
        <v>924</v>
      </c>
      <c r="P71" s="81" t="s">
        <v>65</v>
      </c>
      <c r="Q71" s="16" t="s">
        <v>589</v>
      </c>
    </row>
    <row r="72" spans="12:17" ht="20.25" hidden="1" customHeight="1" x14ac:dyDescent="0.25">
      <c r="L72" s="163"/>
      <c r="M72" s="18" t="s">
        <v>70</v>
      </c>
      <c r="N72" s="19" t="s">
        <v>170</v>
      </c>
      <c r="O72" s="2"/>
      <c r="P72" s="82" t="s">
        <v>490</v>
      </c>
      <c r="Q72" s="19" t="s">
        <v>591</v>
      </c>
    </row>
    <row r="73" spans="12:17" ht="20.25" hidden="1" customHeight="1" x14ac:dyDescent="0.25">
      <c r="L73" s="163"/>
      <c r="M73" s="18" t="s">
        <v>172</v>
      </c>
      <c r="N73" s="19" t="s">
        <v>173</v>
      </c>
      <c r="O73" s="2"/>
      <c r="P73" s="83" t="s">
        <v>93</v>
      </c>
      <c r="Q73" s="22" t="s">
        <v>94</v>
      </c>
    </row>
    <row r="74" spans="12:17" ht="20.25" hidden="1" customHeight="1" x14ac:dyDescent="0.25">
      <c r="L74" s="163"/>
      <c r="M74" s="18" t="s">
        <v>142</v>
      </c>
      <c r="N74" s="19" t="s">
        <v>175</v>
      </c>
      <c r="O74" s="2" t="s">
        <v>925</v>
      </c>
      <c r="P74" s="43"/>
      <c r="Q74" s="44"/>
    </row>
    <row r="75" spans="12:17" ht="20.25" hidden="1" customHeight="1" x14ac:dyDescent="0.25">
      <c r="L75" s="163"/>
      <c r="M75" s="18" t="s">
        <v>177</v>
      </c>
      <c r="N75" s="19" t="s">
        <v>178</v>
      </c>
      <c r="O75" s="2" t="s">
        <v>926</v>
      </c>
      <c r="P75" s="43"/>
      <c r="Q75" s="44"/>
    </row>
    <row r="76" spans="12:17" ht="20.25" hidden="1" customHeight="1" x14ac:dyDescent="0.25">
      <c r="L76" s="163"/>
      <c r="M76" s="21" t="s">
        <v>93</v>
      </c>
      <c r="N76" s="22" t="s">
        <v>94</v>
      </c>
      <c r="O76" s="2" t="s">
        <v>927</v>
      </c>
      <c r="P76" s="43"/>
      <c r="Q76" s="44"/>
    </row>
    <row r="77" spans="12:17" ht="20.25" hidden="1" customHeight="1" x14ac:dyDescent="0.25">
      <c r="L77" s="163" t="s">
        <v>855</v>
      </c>
      <c r="M77" s="15" t="s">
        <v>65</v>
      </c>
      <c r="N77" s="16" t="s">
        <v>182</v>
      </c>
      <c r="O77" s="2" t="s">
        <v>928</v>
      </c>
      <c r="P77" s="81" t="s">
        <v>65</v>
      </c>
      <c r="Q77" s="16" t="s">
        <v>603</v>
      </c>
    </row>
    <row r="78" spans="12:17" ht="20.25" hidden="1" customHeight="1" x14ac:dyDescent="0.25">
      <c r="L78" s="163"/>
      <c r="M78" s="18" t="s">
        <v>70</v>
      </c>
      <c r="N78" s="19" t="s">
        <v>185</v>
      </c>
      <c r="O78" s="2"/>
      <c r="P78" s="82" t="s">
        <v>490</v>
      </c>
      <c r="Q78" s="19" t="s">
        <v>606</v>
      </c>
    </row>
    <row r="79" spans="12:17" ht="20.25" hidden="1" customHeight="1" x14ac:dyDescent="0.25">
      <c r="L79" s="163"/>
      <c r="M79" s="18" t="s">
        <v>73</v>
      </c>
      <c r="N79" s="19" t="s">
        <v>187</v>
      </c>
      <c r="O79" s="2"/>
      <c r="P79" s="82" t="s">
        <v>73</v>
      </c>
      <c r="Q79" s="19" t="s">
        <v>608</v>
      </c>
    </row>
    <row r="80" spans="12:17" ht="20.25" hidden="1" customHeight="1" x14ac:dyDescent="0.25">
      <c r="L80" s="163"/>
      <c r="M80" s="18" t="s">
        <v>76</v>
      </c>
      <c r="N80" s="19" t="s">
        <v>189</v>
      </c>
      <c r="O80" s="2"/>
      <c r="P80" s="83" t="s">
        <v>93</v>
      </c>
      <c r="Q80" s="22" t="s">
        <v>94</v>
      </c>
    </row>
    <row r="81" spans="12:17" ht="20.25" hidden="1" customHeight="1" x14ac:dyDescent="0.25">
      <c r="L81" s="163"/>
      <c r="M81" s="18" t="s">
        <v>79</v>
      </c>
      <c r="N81" s="19" t="s">
        <v>191</v>
      </c>
      <c r="O81" s="2" t="s">
        <v>910</v>
      </c>
      <c r="P81" s="43"/>
      <c r="Q81" s="44"/>
    </row>
    <row r="82" spans="12:17" ht="20.25" hidden="1" customHeight="1" x14ac:dyDescent="0.25">
      <c r="L82" s="163"/>
      <c r="M82" s="18" t="s">
        <v>82</v>
      </c>
      <c r="N82" s="19" t="s">
        <v>193</v>
      </c>
      <c r="O82" s="2" t="s">
        <v>929</v>
      </c>
      <c r="P82" s="43"/>
      <c r="Q82" s="44"/>
    </row>
    <row r="83" spans="12:17" ht="20.25" hidden="1" customHeight="1" x14ac:dyDescent="0.25">
      <c r="L83" s="163"/>
      <c r="M83" s="18" t="s">
        <v>85</v>
      </c>
      <c r="N83" s="19" t="s">
        <v>195</v>
      </c>
      <c r="O83" s="2" t="s">
        <v>930</v>
      </c>
      <c r="P83" s="43"/>
      <c r="Q83" s="44"/>
    </row>
    <row r="84" spans="12:17" ht="20.25" hidden="1" customHeight="1" x14ac:dyDescent="0.25">
      <c r="L84" s="163"/>
      <c r="M84" s="18" t="s">
        <v>88</v>
      </c>
      <c r="N84" s="19" t="s">
        <v>197</v>
      </c>
      <c r="O84" s="2" t="s">
        <v>931</v>
      </c>
      <c r="P84" s="43"/>
      <c r="Q84" s="44"/>
    </row>
    <row r="85" spans="12:17" ht="20.25" hidden="1" customHeight="1" x14ac:dyDescent="0.25">
      <c r="L85" s="163"/>
      <c r="M85" s="18" t="s">
        <v>90</v>
      </c>
      <c r="N85" s="19" t="s">
        <v>198</v>
      </c>
      <c r="O85" s="2" t="s">
        <v>932</v>
      </c>
      <c r="P85" s="43"/>
      <c r="Q85" s="44"/>
    </row>
    <row r="86" spans="12:17" ht="20.25" hidden="1" customHeight="1" x14ac:dyDescent="0.25">
      <c r="L86" s="163"/>
      <c r="M86" s="18" t="s">
        <v>114</v>
      </c>
      <c r="N86" s="19" t="s">
        <v>199</v>
      </c>
      <c r="O86" s="2" t="s">
        <v>933</v>
      </c>
      <c r="P86" s="81" t="s">
        <v>65</v>
      </c>
      <c r="Q86" s="16" t="s">
        <v>624</v>
      </c>
    </row>
    <row r="87" spans="12:17" ht="20.25" hidden="1" customHeight="1" x14ac:dyDescent="0.25">
      <c r="L87" s="163"/>
      <c r="M87" s="18" t="s">
        <v>117</v>
      </c>
      <c r="N87" s="19" t="s">
        <v>201</v>
      </c>
      <c r="O87" s="2"/>
      <c r="P87" s="82" t="s">
        <v>490</v>
      </c>
      <c r="Q87" s="19" t="s">
        <v>626</v>
      </c>
    </row>
    <row r="88" spans="12:17" ht="20.25" hidden="1" customHeight="1" x14ac:dyDescent="0.25">
      <c r="L88" s="163"/>
      <c r="M88" s="18" t="s">
        <v>119</v>
      </c>
      <c r="N88" s="19" t="s">
        <v>203</v>
      </c>
      <c r="O88" s="2"/>
      <c r="P88" s="83" t="s">
        <v>93</v>
      </c>
      <c r="Q88" s="22" t="s">
        <v>94</v>
      </c>
    </row>
    <row r="89" spans="12:17" ht="20.25" hidden="1" customHeight="1" x14ac:dyDescent="0.25">
      <c r="L89" s="163"/>
      <c r="M89" s="18" t="s">
        <v>160</v>
      </c>
      <c r="N89" s="19" t="s">
        <v>204</v>
      </c>
      <c r="O89" s="2" t="s">
        <v>934</v>
      </c>
      <c r="P89" s="43"/>
      <c r="Q89" s="44"/>
    </row>
    <row r="90" spans="12:17" ht="20.25" hidden="1" customHeight="1" x14ac:dyDescent="0.25">
      <c r="L90" s="163"/>
      <c r="M90" s="18" t="s">
        <v>163</v>
      </c>
      <c r="N90" s="19" t="s">
        <v>205</v>
      </c>
      <c r="O90" s="2" t="s">
        <v>910</v>
      </c>
      <c r="P90" s="43"/>
      <c r="Q90" s="44"/>
    </row>
    <row r="91" spans="12:17" ht="20.25" hidden="1" customHeight="1" x14ac:dyDescent="0.25">
      <c r="L91" s="163"/>
      <c r="M91" s="18" t="s">
        <v>206</v>
      </c>
      <c r="N91" s="19" t="s">
        <v>207</v>
      </c>
      <c r="O91" s="2" t="s">
        <v>935</v>
      </c>
      <c r="P91" s="84" t="s">
        <v>65</v>
      </c>
      <c r="Q91" s="25" t="s">
        <v>632</v>
      </c>
    </row>
    <row r="92" spans="12:17" ht="20.25" hidden="1" customHeight="1" x14ac:dyDescent="0.25">
      <c r="L92" s="163"/>
      <c r="M92" s="18" t="s">
        <v>209</v>
      </c>
      <c r="N92" s="19" t="s">
        <v>210</v>
      </c>
      <c r="O92" s="2"/>
      <c r="P92" s="82" t="s">
        <v>490</v>
      </c>
      <c r="Q92" s="19" t="s">
        <v>635</v>
      </c>
    </row>
    <row r="93" spans="12:17" ht="20.25" hidden="1" customHeight="1" x14ac:dyDescent="0.25">
      <c r="L93" s="163"/>
      <c r="M93" s="18" t="s">
        <v>211</v>
      </c>
      <c r="N93" s="19" t="s">
        <v>212</v>
      </c>
      <c r="O93" s="2"/>
      <c r="P93" s="82" t="s">
        <v>73</v>
      </c>
      <c r="Q93" s="19" t="s">
        <v>637</v>
      </c>
    </row>
    <row r="94" spans="12:17" ht="20.25" hidden="1" customHeight="1" x14ac:dyDescent="0.25">
      <c r="L94" s="163"/>
      <c r="M94" s="18" t="s">
        <v>213</v>
      </c>
      <c r="N94" s="19" t="s">
        <v>214</v>
      </c>
      <c r="O94" s="2"/>
      <c r="P94" s="82" t="s">
        <v>76</v>
      </c>
      <c r="Q94" s="19" t="s">
        <v>639</v>
      </c>
    </row>
    <row r="95" spans="12:17" ht="20.25" hidden="1" customHeight="1" x14ac:dyDescent="0.25">
      <c r="L95" s="163"/>
      <c r="M95" s="18" t="s">
        <v>215</v>
      </c>
      <c r="N95" s="19" t="s">
        <v>216</v>
      </c>
      <c r="O95" s="2"/>
      <c r="P95" s="82" t="s">
        <v>79</v>
      </c>
      <c r="Q95" s="19" t="s">
        <v>641</v>
      </c>
    </row>
    <row r="96" spans="12:17" ht="20.25" hidden="1" customHeight="1" x14ac:dyDescent="0.25">
      <c r="L96" s="163"/>
      <c r="M96" s="18" t="s">
        <v>217</v>
      </c>
      <c r="N96" s="19" t="s">
        <v>218</v>
      </c>
      <c r="O96" s="2"/>
      <c r="P96" s="82" t="s">
        <v>82</v>
      </c>
      <c r="Q96" s="19" t="s">
        <v>643</v>
      </c>
    </row>
    <row r="97" spans="4:45" ht="20.25" hidden="1" customHeight="1" x14ac:dyDescent="0.25">
      <c r="L97" s="163"/>
      <c r="M97" s="18" t="s">
        <v>219</v>
      </c>
      <c r="N97" s="19" t="s">
        <v>220</v>
      </c>
      <c r="O97" s="2"/>
      <c r="P97" s="82" t="s">
        <v>85</v>
      </c>
      <c r="Q97" s="19" t="s">
        <v>645</v>
      </c>
    </row>
    <row r="98" spans="4:45" ht="20.25" hidden="1" customHeight="1" x14ac:dyDescent="0.25">
      <c r="L98" s="163"/>
      <c r="M98" s="18" t="s">
        <v>221</v>
      </c>
      <c r="N98" s="19" t="s">
        <v>222</v>
      </c>
      <c r="O98" s="2"/>
      <c r="P98" s="85">
        <v>99</v>
      </c>
      <c r="Q98" s="22" t="s">
        <v>94</v>
      </c>
    </row>
    <row r="99" spans="4:45" ht="20.25" hidden="1" customHeight="1" x14ac:dyDescent="0.25">
      <c r="L99" s="163"/>
      <c r="M99" s="18" t="s">
        <v>223</v>
      </c>
      <c r="N99" s="19" t="s">
        <v>224</v>
      </c>
      <c r="O99" s="2" t="s">
        <v>936</v>
      </c>
      <c r="P99" s="81" t="s">
        <v>65</v>
      </c>
      <c r="Q99" s="16" t="s">
        <v>649</v>
      </c>
    </row>
    <row r="100" spans="4:45" ht="20.25" hidden="1" customHeight="1" x14ac:dyDescent="0.25">
      <c r="L100" s="163"/>
      <c r="M100" s="18" t="s">
        <v>225</v>
      </c>
      <c r="N100" s="19" t="s">
        <v>226</v>
      </c>
      <c r="O100" s="2"/>
      <c r="P100" s="82" t="s">
        <v>490</v>
      </c>
      <c r="Q100" s="19" t="s">
        <v>652</v>
      </c>
    </row>
    <row r="101" spans="4:45" ht="20.25" hidden="1" customHeight="1" x14ac:dyDescent="0.25">
      <c r="L101" s="163"/>
      <c r="M101" s="21" t="s">
        <v>93</v>
      </c>
      <c r="N101" s="22" t="s">
        <v>94</v>
      </c>
      <c r="O101" s="2"/>
      <c r="P101" s="82" t="s">
        <v>172</v>
      </c>
      <c r="Q101" s="19" t="s">
        <v>654</v>
      </c>
    </row>
    <row r="102" spans="4:45" ht="20.25" hidden="1" customHeight="1" x14ac:dyDescent="0.25">
      <c r="L102" s="163" t="s">
        <v>856</v>
      </c>
      <c r="M102" s="15" t="s">
        <v>65</v>
      </c>
      <c r="N102" s="16" t="s">
        <v>229</v>
      </c>
      <c r="O102" s="2"/>
      <c r="P102" s="83" t="s">
        <v>93</v>
      </c>
      <c r="Q102" s="22" t="s">
        <v>94</v>
      </c>
    </row>
    <row r="103" spans="4:45" ht="20.25" hidden="1" customHeight="1" x14ac:dyDescent="0.25">
      <c r="L103" s="163"/>
      <c r="M103" s="18" t="s">
        <v>70</v>
      </c>
      <c r="N103" s="19" t="s">
        <v>231</v>
      </c>
      <c r="O103" s="2" t="s">
        <v>937</v>
      </c>
      <c r="P103" s="43"/>
      <c r="Q103" s="44"/>
      <c r="AO103" s="12"/>
    </row>
    <row r="104" spans="4:45" ht="20.25" hidden="1" customHeight="1" x14ac:dyDescent="0.25">
      <c r="D104" s="138"/>
      <c r="E104" s="131"/>
      <c r="L104" s="163"/>
      <c r="M104" s="18" t="s">
        <v>73</v>
      </c>
      <c r="N104" s="19" t="s">
        <v>232</v>
      </c>
      <c r="O104" s="2" t="s">
        <v>938</v>
      </c>
      <c r="P104" s="43"/>
      <c r="Q104" s="44"/>
      <c r="AO104" s="5"/>
      <c r="AS104" s="91"/>
    </row>
    <row r="105" spans="4:45" ht="20.25" hidden="1" customHeight="1" x14ac:dyDescent="0.25">
      <c r="D105" s="138"/>
      <c r="E105" s="131"/>
      <c r="L105" s="163"/>
      <c r="M105" s="18" t="s">
        <v>76</v>
      </c>
      <c r="N105" s="19" t="s">
        <v>234</v>
      </c>
      <c r="O105" s="2" t="s">
        <v>939</v>
      </c>
      <c r="P105" s="43"/>
      <c r="Q105" s="44"/>
      <c r="AO105" s="1"/>
      <c r="AS105" s="124"/>
    </row>
    <row r="106" spans="4:45" ht="20.25" hidden="1" customHeight="1" x14ac:dyDescent="0.25">
      <c r="D106" s="138"/>
      <c r="E106" s="131"/>
      <c r="L106" s="163"/>
      <c r="M106" s="18" t="s">
        <v>79</v>
      </c>
      <c r="N106" s="19" t="s">
        <v>236</v>
      </c>
      <c r="O106" s="2" t="s">
        <v>910</v>
      </c>
      <c r="P106" s="43"/>
      <c r="Q106" s="44"/>
      <c r="AO106" s="1"/>
    </row>
    <row r="107" spans="4:45" ht="20.25" hidden="1" customHeight="1" x14ac:dyDescent="0.25">
      <c r="D107" s="138"/>
      <c r="E107" s="131"/>
      <c r="L107" s="163"/>
      <c r="M107" s="18" t="s">
        <v>82</v>
      </c>
      <c r="N107" s="19" t="s">
        <v>237</v>
      </c>
      <c r="O107" s="2" t="s">
        <v>940</v>
      </c>
      <c r="P107" s="81" t="s">
        <v>65</v>
      </c>
      <c r="Q107" s="16" t="s">
        <v>667</v>
      </c>
      <c r="AO107" s="1"/>
    </row>
    <row r="108" spans="4:45" ht="20.25" hidden="1" customHeight="1" x14ac:dyDescent="0.25">
      <c r="D108" s="138"/>
      <c r="E108" s="131"/>
      <c r="L108" s="163"/>
      <c r="M108" s="18" t="s">
        <v>85</v>
      </c>
      <c r="N108" s="19" t="s">
        <v>238</v>
      </c>
      <c r="O108" s="2"/>
      <c r="P108" s="82" t="s">
        <v>490</v>
      </c>
      <c r="Q108" s="19" t="s">
        <v>670</v>
      </c>
      <c r="AO108" s="1"/>
      <c r="AQ108" s="12"/>
    </row>
    <row r="109" spans="4:45" ht="20.25" hidden="1" customHeight="1" x14ac:dyDescent="0.25">
      <c r="D109" s="138"/>
      <c r="E109" s="131"/>
      <c r="L109" s="163"/>
      <c r="M109" s="18" t="s">
        <v>88</v>
      </c>
      <c r="N109" s="19" t="s">
        <v>240</v>
      </c>
      <c r="O109" s="2"/>
      <c r="P109" s="85">
        <v>99</v>
      </c>
      <c r="Q109" s="22" t="s">
        <v>94</v>
      </c>
      <c r="AQ109" s="5"/>
    </row>
    <row r="110" spans="4:45" ht="20.25" hidden="1" customHeight="1" x14ac:dyDescent="0.25">
      <c r="D110" s="138"/>
      <c r="E110" s="131"/>
      <c r="L110" s="163"/>
      <c r="M110" s="18" t="s">
        <v>90</v>
      </c>
      <c r="N110" s="19" t="s">
        <v>242</v>
      </c>
      <c r="O110" s="2" t="s">
        <v>941</v>
      </c>
      <c r="P110" s="81" t="s">
        <v>65</v>
      </c>
      <c r="Q110" s="16" t="s">
        <v>0</v>
      </c>
      <c r="AN110" s="124"/>
    </row>
    <row r="111" spans="4:45" ht="20.25" hidden="1" customHeight="1" x14ac:dyDescent="0.25">
      <c r="D111" s="138"/>
      <c r="E111" s="131"/>
      <c r="L111" s="163"/>
      <c r="M111" s="18" t="s">
        <v>114</v>
      </c>
      <c r="N111" s="19" t="s">
        <v>244</v>
      </c>
      <c r="O111" s="2"/>
      <c r="P111" s="82" t="s">
        <v>490</v>
      </c>
      <c r="Q111" s="19" t="s">
        <v>675</v>
      </c>
    </row>
    <row r="112" spans="4:45" ht="20.25" hidden="1" customHeight="1" x14ac:dyDescent="0.25">
      <c r="D112" s="138"/>
      <c r="E112" s="131"/>
      <c r="L112" s="163"/>
      <c r="M112" s="18" t="s">
        <v>117</v>
      </c>
      <c r="N112" s="19" t="s">
        <v>246</v>
      </c>
      <c r="O112" s="2"/>
      <c r="P112" s="82" t="s">
        <v>73</v>
      </c>
      <c r="Q112" s="19" t="s">
        <v>676</v>
      </c>
    </row>
    <row r="113" spans="1:51" ht="20.25" hidden="1" customHeight="1" x14ac:dyDescent="0.25">
      <c r="A113" s="91"/>
      <c r="D113" s="138"/>
      <c r="E113" s="131"/>
      <c r="L113" s="163"/>
      <c r="M113" s="18" t="s">
        <v>119</v>
      </c>
      <c r="N113" s="19" t="s">
        <v>248</v>
      </c>
      <c r="O113" s="2"/>
      <c r="P113" s="83" t="s">
        <v>93</v>
      </c>
      <c r="Q113" s="22" t="s">
        <v>94</v>
      </c>
      <c r="AR113" s="12"/>
      <c r="AV113" s="91"/>
    </row>
    <row r="114" spans="1:51" ht="20.25" hidden="1" customHeight="1" x14ac:dyDescent="0.25">
      <c r="A114" s="12"/>
      <c r="D114" s="138"/>
      <c r="E114" s="131"/>
      <c r="L114" s="163"/>
      <c r="M114" s="18" t="s">
        <v>160</v>
      </c>
      <c r="N114" s="19" t="s">
        <v>249</v>
      </c>
      <c r="O114" s="2" t="s">
        <v>942</v>
      </c>
      <c r="P114" s="43"/>
      <c r="Q114" s="44"/>
      <c r="AR114" s="5"/>
      <c r="AT114" s="91"/>
      <c r="AV114" s="124"/>
    </row>
    <row r="115" spans="1:51" ht="20.25" hidden="1" customHeight="1" x14ac:dyDescent="0.25">
      <c r="A115" s="5"/>
      <c r="D115" s="132"/>
      <c r="E115" s="131"/>
      <c r="L115" s="163"/>
      <c r="M115" s="18" t="s">
        <v>163</v>
      </c>
      <c r="N115" s="19" t="s">
        <v>251</v>
      </c>
      <c r="O115" s="2" t="s">
        <v>943</v>
      </c>
      <c r="P115" s="43"/>
      <c r="Q115" s="44"/>
      <c r="AT115" s="124"/>
    </row>
    <row r="116" spans="1:51" ht="20.25" hidden="1" customHeight="1" x14ac:dyDescent="0.25">
      <c r="A116" s="5"/>
      <c r="D116" s="139"/>
      <c r="E116" s="131"/>
      <c r="L116" s="163"/>
      <c r="M116" s="18" t="s">
        <v>206</v>
      </c>
      <c r="N116" s="19" t="s">
        <v>252</v>
      </c>
      <c r="O116" s="2" t="s">
        <v>944</v>
      </c>
      <c r="P116" s="43"/>
      <c r="Q116" s="44"/>
      <c r="AP116" s="12"/>
    </row>
    <row r="117" spans="1:51" ht="20.25" hidden="1" customHeight="1" x14ac:dyDescent="0.25">
      <c r="A117" s="5"/>
      <c r="B117" s="91"/>
      <c r="C117" s="91"/>
      <c r="D117" s="138"/>
      <c r="E117" s="132"/>
      <c r="F117" s="91"/>
      <c r="G117" s="91"/>
      <c r="H117" s="91"/>
      <c r="I117" s="91"/>
      <c r="J117" s="91"/>
      <c r="K117" s="91"/>
      <c r="L117" s="163"/>
      <c r="M117" s="18" t="s">
        <v>209</v>
      </c>
      <c r="N117" s="19" t="s">
        <v>253</v>
      </c>
      <c r="O117" s="2" t="s">
        <v>945</v>
      </c>
      <c r="P117" s="43"/>
      <c r="Q117" s="44"/>
      <c r="AP117" s="5"/>
      <c r="AU117" s="91"/>
    </row>
    <row r="118" spans="1:51" s="6" customFormat="1" ht="20.25" hidden="1" customHeight="1" x14ac:dyDescent="0.25">
      <c r="A118" s="5"/>
      <c r="B118" s="12"/>
      <c r="C118" s="12"/>
      <c r="D118" s="138"/>
      <c r="E118" s="130"/>
      <c r="F118" s="12"/>
      <c r="G118" s="12"/>
      <c r="H118" s="12"/>
      <c r="I118" s="12"/>
      <c r="J118" s="12"/>
      <c r="K118" s="12"/>
      <c r="L118" s="163"/>
      <c r="M118" s="18" t="s">
        <v>211</v>
      </c>
      <c r="N118" s="19" t="s">
        <v>254</v>
      </c>
      <c r="O118" s="2" t="s">
        <v>946</v>
      </c>
      <c r="P118" s="43"/>
      <c r="Q118" s="44"/>
      <c r="R118" s="12"/>
      <c r="S118" s="12"/>
      <c r="T118" s="12"/>
      <c r="U118" s="12"/>
      <c r="V118" s="12"/>
      <c r="W118" s="12"/>
      <c r="X118" s="12"/>
      <c r="Y118" s="12"/>
      <c r="Z118" s="12"/>
      <c r="AA118" s="12"/>
      <c r="AB118" s="12"/>
      <c r="AC118" s="12"/>
      <c r="AD118" s="12"/>
      <c r="AE118" s="12" t="s">
        <v>870</v>
      </c>
      <c r="AF118" s="12"/>
      <c r="AG118" s="12"/>
      <c r="AH118" s="12" t="s">
        <v>871</v>
      </c>
      <c r="AI118" s="12"/>
      <c r="AJ118" s="12"/>
      <c r="AK118" s="12"/>
      <c r="AL118" s="124"/>
      <c r="AM118" s="12"/>
      <c r="AN118" s="120"/>
      <c r="AP118" s="1"/>
      <c r="AQ118" s="1"/>
      <c r="AR118" s="1"/>
      <c r="AS118" s="120"/>
      <c r="AT118" s="120"/>
      <c r="AU118" s="124"/>
      <c r="AV118" s="120"/>
      <c r="AW118" s="12"/>
      <c r="AX118" s="12"/>
      <c r="AY118" s="12"/>
    </row>
    <row r="119" spans="1:51" ht="20.25" hidden="1" customHeight="1" x14ac:dyDescent="0.25">
      <c r="A119" s="5"/>
      <c r="B119" s="5"/>
      <c r="C119" s="5"/>
      <c r="D119" s="138"/>
      <c r="E119" s="131"/>
      <c r="F119" s="5"/>
      <c r="G119" s="5"/>
      <c r="H119" s="5"/>
      <c r="I119" s="5"/>
      <c r="J119" s="5"/>
      <c r="K119" s="5"/>
      <c r="L119" s="163"/>
      <c r="M119" s="18" t="s">
        <v>213</v>
      </c>
      <c r="N119" s="19" t="s">
        <v>255</v>
      </c>
      <c r="O119" s="2" t="s">
        <v>910</v>
      </c>
      <c r="P119" s="43"/>
      <c r="Q119" s="44"/>
      <c r="AJ119" s="5"/>
    </row>
    <row r="120" spans="1:51" ht="20.25" hidden="1" customHeight="1" x14ac:dyDescent="0.25">
      <c r="A120" s="5"/>
      <c r="B120" s="5"/>
      <c r="C120" s="5"/>
      <c r="D120" s="138"/>
      <c r="E120" s="131"/>
      <c r="F120" s="5"/>
      <c r="G120" s="5"/>
      <c r="H120" s="5"/>
      <c r="I120" s="5"/>
      <c r="J120" s="5"/>
      <c r="K120" s="5"/>
      <c r="L120" s="163"/>
      <c r="M120" s="18" t="s">
        <v>215</v>
      </c>
      <c r="N120" s="19" t="s">
        <v>256</v>
      </c>
      <c r="O120" s="2" t="s">
        <v>947</v>
      </c>
      <c r="P120" s="81" t="s">
        <v>65</v>
      </c>
      <c r="Q120" s="16" t="s">
        <v>693</v>
      </c>
      <c r="AJ120" s="5"/>
      <c r="AM120" s="6"/>
    </row>
    <row r="121" spans="1:51" ht="20.25" hidden="1" customHeight="1" x14ac:dyDescent="0.25">
      <c r="A121" s="5"/>
      <c r="B121" s="5"/>
      <c r="C121" s="5"/>
      <c r="D121" s="138"/>
      <c r="E121" s="131"/>
      <c r="F121" s="5"/>
      <c r="G121" s="5"/>
      <c r="H121" s="5"/>
      <c r="I121" s="5"/>
      <c r="J121" s="5"/>
      <c r="K121" s="5"/>
      <c r="L121" s="163"/>
      <c r="M121" s="18" t="s">
        <v>217</v>
      </c>
      <c r="N121" s="19" t="s">
        <v>258</v>
      </c>
      <c r="O121" s="2"/>
      <c r="P121" s="82" t="s">
        <v>490</v>
      </c>
      <c r="Q121" s="19" t="s">
        <v>696</v>
      </c>
      <c r="AJ121" s="5"/>
      <c r="AM121" s="6"/>
    </row>
    <row r="122" spans="1:51" ht="20.25" hidden="1" customHeight="1" x14ac:dyDescent="0.25">
      <c r="A122" s="5"/>
      <c r="B122" s="5"/>
      <c r="C122" s="5"/>
      <c r="D122" s="138"/>
      <c r="E122" s="131"/>
      <c r="F122" s="5"/>
      <c r="G122" s="5"/>
      <c r="H122" s="5"/>
      <c r="I122" s="5"/>
      <c r="J122" s="5"/>
      <c r="K122" s="5"/>
      <c r="L122" s="163"/>
      <c r="M122" s="18" t="s">
        <v>219</v>
      </c>
      <c r="N122" s="19" t="s">
        <v>260</v>
      </c>
      <c r="O122" s="2"/>
      <c r="P122" s="82" t="s">
        <v>73</v>
      </c>
      <c r="Q122" s="19" t="s">
        <v>698</v>
      </c>
      <c r="AJ122" s="5"/>
      <c r="AM122" s="6"/>
    </row>
    <row r="123" spans="1:51" ht="20.25" hidden="1" customHeight="1" x14ac:dyDescent="0.25">
      <c r="A123" s="5"/>
      <c r="B123" s="5"/>
      <c r="C123" s="5"/>
      <c r="D123" s="138"/>
      <c r="E123" s="131"/>
      <c r="F123" s="5"/>
      <c r="H123" s="5"/>
      <c r="I123" s="5"/>
      <c r="J123" s="5"/>
      <c r="L123" s="163"/>
      <c r="M123" s="18" t="s">
        <v>221</v>
      </c>
      <c r="N123" s="19" t="s">
        <v>261</v>
      </c>
      <c r="O123" s="2"/>
      <c r="P123" s="83" t="s">
        <v>93</v>
      </c>
      <c r="Q123" s="22" t="s">
        <v>94</v>
      </c>
      <c r="AJ123" s="5"/>
      <c r="AM123" s="6"/>
    </row>
    <row r="124" spans="1:51" ht="20.25" hidden="1" customHeight="1" x14ac:dyDescent="0.25">
      <c r="A124" s="5"/>
      <c r="B124" s="5"/>
      <c r="C124" s="5"/>
      <c r="D124" s="138"/>
      <c r="E124" s="131"/>
      <c r="F124" s="5"/>
      <c r="H124" s="5"/>
      <c r="I124" s="5"/>
      <c r="L124" s="163"/>
      <c r="M124" s="21" t="s">
        <v>93</v>
      </c>
      <c r="N124" s="22" t="s">
        <v>94</v>
      </c>
      <c r="O124" s="2" t="s">
        <v>948</v>
      </c>
      <c r="P124" s="43">
        <v>0</v>
      </c>
      <c r="Q124" s="44" t="s">
        <v>44</v>
      </c>
      <c r="AJ124" s="5"/>
    </row>
    <row r="125" spans="1:51" ht="20.25" hidden="1" customHeight="1" x14ac:dyDescent="0.25">
      <c r="A125" s="5"/>
      <c r="B125" s="5"/>
      <c r="C125" s="5"/>
      <c r="D125" s="138"/>
      <c r="E125" s="131"/>
      <c r="F125" s="5"/>
      <c r="H125" s="5"/>
      <c r="I125" s="5"/>
      <c r="L125" s="163" t="s">
        <v>857</v>
      </c>
      <c r="M125" s="24" t="s">
        <v>65</v>
      </c>
      <c r="N125" s="25" t="s">
        <v>264</v>
      </c>
      <c r="O125" s="2" t="s">
        <v>949</v>
      </c>
      <c r="P125" s="43">
        <v>0</v>
      </c>
      <c r="Q125" s="44" t="s">
        <v>44</v>
      </c>
      <c r="AJ125" s="5"/>
    </row>
    <row r="126" spans="1:51" ht="20.25" hidden="1" customHeight="1" x14ac:dyDescent="0.25">
      <c r="A126" s="5"/>
      <c r="B126" s="5"/>
      <c r="C126" s="5"/>
      <c r="D126" s="138"/>
      <c r="E126" s="131"/>
      <c r="F126" s="5"/>
      <c r="L126" s="163"/>
      <c r="M126" s="18" t="s">
        <v>70</v>
      </c>
      <c r="N126" s="19" t="s">
        <v>267</v>
      </c>
      <c r="O126" s="2" t="s">
        <v>950</v>
      </c>
      <c r="P126" s="81" t="s">
        <v>65</v>
      </c>
      <c r="Q126" s="16" t="s">
        <v>705</v>
      </c>
      <c r="AJ126" s="5"/>
    </row>
    <row r="127" spans="1:51" ht="20.25" hidden="1" customHeight="1" x14ac:dyDescent="0.25">
      <c r="A127" s="5"/>
      <c r="B127" s="5"/>
      <c r="C127" s="5"/>
      <c r="D127" s="138"/>
      <c r="E127" s="131"/>
      <c r="F127" s="5"/>
      <c r="L127" s="163"/>
      <c r="M127" s="18" t="s">
        <v>73</v>
      </c>
      <c r="N127" s="19" t="s">
        <v>269</v>
      </c>
      <c r="O127" s="2"/>
      <c r="P127" s="82" t="s">
        <v>490</v>
      </c>
      <c r="Q127" s="19" t="s">
        <v>707</v>
      </c>
      <c r="AJ127" s="5"/>
    </row>
    <row r="128" spans="1:51" ht="20.25" hidden="1" customHeight="1" x14ac:dyDescent="0.25">
      <c r="A128" s="5"/>
      <c r="B128" s="5"/>
      <c r="C128" s="5"/>
      <c r="D128" s="138"/>
      <c r="E128" s="131"/>
      <c r="F128" s="5"/>
      <c r="L128" s="163"/>
      <c r="M128" s="18" t="s">
        <v>76</v>
      </c>
      <c r="N128" s="19" t="s">
        <v>270</v>
      </c>
      <c r="O128" s="2"/>
      <c r="P128" s="82" t="s">
        <v>172</v>
      </c>
      <c r="Q128" s="19" t="s">
        <v>709</v>
      </c>
      <c r="AJ128" s="5"/>
    </row>
    <row r="129" spans="1:36" ht="20.25" hidden="1" customHeight="1" x14ac:dyDescent="0.25">
      <c r="A129" s="5"/>
      <c r="B129" s="5"/>
      <c r="C129" s="5"/>
      <c r="D129" s="138"/>
      <c r="E129" s="131"/>
      <c r="F129" s="5"/>
      <c r="L129" s="163"/>
      <c r="M129" s="18" t="s">
        <v>79</v>
      </c>
      <c r="N129" s="19" t="s">
        <v>272</v>
      </c>
      <c r="O129" s="2"/>
      <c r="P129" s="83" t="s">
        <v>93</v>
      </c>
      <c r="Q129" s="22" t="s">
        <v>94</v>
      </c>
      <c r="AJ129" s="5"/>
    </row>
    <row r="130" spans="1:36" ht="20.25" hidden="1" customHeight="1" x14ac:dyDescent="0.25">
      <c r="A130" s="5"/>
      <c r="B130" s="5"/>
      <c r="C130" s="5"/>
      <c r="D130" s="138"/>
      <c r="E130" s="131"/>
      <c r="F130" s="5"/>
      <c r="L130" s="163"/>
      <c r="M130" s="18" t="s">
        <v>82</v>
      </c>
      <c r="N130" s="19" t="s">
        <v>273</v>
      </c>
      <c r="O130" s="2" t="s">
        <v>951</v>
      </c>
      <c r="P130" s="81" t="s">
        <v>65</v>
      </c>
      <c r="Q130" s="16" t="s">
        <v>711</v>
      </c>
    </row>
    <row r="131" spans="1:36" ht="20.25" hidden="1" customHeight="1" x14ac:dyDescent="0.25">
      <c r="A131" s="5"/>
      <c r="B131" s="5"/>
      <c r="D131" s="138"/>
      <c r="E131" s="131"/>
      <c r="F131" s="5"/>
      <c r="L131" s="163"/>
      <c r="M131" s="18" t="s">
        <v>85</v>
      </c>
      <c r="N131" s="19" t="s">
        <v>275</v>
      </c>
      <c r="O131" s="2"/>
      <c r="P131" s="82" t="s">
        <v>70</v>
      </c>
      <c r="Q131" s="19" t="s">
        <v>713</v>
      </c>
    </row>
    <row r="132" spans="1:36" ht="20.25" hidden="1" customHeight="1" x14ac:dyDescent="0.25">
      <c r="A132" s="5"/>
      <c r="B132" s="5"/>
      <c r="D132" s="138"/>
      <c r="E132" s="131"/>
      <c r="F132" s="5"/>
      <c r="L132" s="163"/>
      <c r="M132" s="18" t="s">
        <v>88</v>
      </c>
      <c r="N132" s="19" t="s">
        <v>277</v>
      </c>
      <c r="O132" s="2"/>
      <c r="P132" s="82" t="s">
        <v>172</v>
      </c>
      <c r="Q132" s="19" t="s">
        <v>715</v>
      </c>
    </row>
    <row r="133" spans="1:36" ht="20.25" hidden="1" customHeight="1" x14ac:dyDescent="0.25">
      <c r="A133" s="5"/>
      <c r="B133" s="5"/>
      <c r="D133" s="138"/>
      <c r="E133" s="131"/>
      <c r="F133" s="5"/>
      <c r="L133" s="163"/>
      <c r="M133" s="18" t="s">
        <v>90</v>
      </c>
      <c r="N133" s="19" t="s">
        <v>279</v>
      </c>
      <c r="O133" s="2"/>
      <c r="P133" s="82" t="s">
        <v>76</v>
      </c>
      <c r="Q133" s="19" t="s">
        <v>716</v>
      </c>
    </row>
    <row r="134" spans="1:36" ht="20.25" hidden="1" customHeight="1" x14ac:dyDescent="0.25">
      <c r="A134" s="5"/>
      <c r="B134" s="5"/>
      <c r="D134" s="138"/>
      <c r="E134" s="131"/>
      <c r="F134" s="5"/>
      <c r="L134" s="163"/>
      <c r="M134" s="18" t="s">
        <v>114</v>
      </c>
      <c r="N134" s="19" t="s">
        <v>281</v>
      </c>
      <c r="O134" s="2"/>
      <c r="P134" s="83" t="s">
        <v>93</v>
      </c>
      <c r="Q134" s="22" t="s">
        <v>94</v>
      </c>
    </row>
    <row r="135" spans="1:36" ht="20.25" hidden="1" customHeight="1" x14ac:dyDescent="0.25">
      <c r="A135" s="5"/>
      <c r="B135" s="5"/>
      <c r="D135" s="138"/>
      <c r="E135" s="131"/>
      <c r="F135" s="5"/>
      <c r="L135" s="163"/>
      <c r="M135" s="18" t="s">
        <v>117</v>
      </c>
      <c r="N135" s="19" t="s">
        <v>283</v>
      </c>
      <c r="O135" s="2" t="s">
        <v>952</v>
      </c>
      <c r="P135" s="43"/>
      <c r="Q135" s="44"/>
    </row>
    <row r="136" spans="1:36" ht="20.25" hidden="1" customHeight="1" x14ac:dyDescent="0.25">
      <c r="A136" s="5"/>
      <c r="B136" s="5"/>
      <c r="D136" s="138"/>
      <c r="E136" s="131"/>
      <c r="F136" s="5"/>
      <c r="L136" s="163"/>
      <c r="M136" s="21" t="s">
        <v>93</v>
      </c>
      <c r="N136" s="22" t="s">
        <v>94</v>
      </c>
      <c r="O136" s="2" t="s">
        <v>953</v>
      </c>
      <c r="P136" s="43"/>
      <c r="Q136" s="44"/>
    </row>
    <row r="137" spans="1:36" ht="20.25" hidden="1" customHeight="1" x14ac:dyDescent="0.25">
      <c r="A137" s="5"/>
      <c r="B137" s="5"/>
      <c r="D137" s="138"/>
      <c r="E137" s="131"/>
      <c r="F137" s="5"/>
      <c r="L137" s="163" t="s">
        <v>858</v>
      </c>
      <c r="M137" s="15" t="s">
        <v>65</v>
      </c>
      <c r="N137" s="16" t="s">
        <v>287</v>
      </c>
      <c r="O137" s="2" t="s">
        <v>954</v>
      </c>
      <c r="P137" s="81" t="s">
        <v>65</v>
      </c>
      <c r="Q137" s="16" t="s">
        <v>722</v>
      </c>
    </row>
    <row r="138" spans="1:36" ht="20.25" hidden="1" customHeight="1" x14ac:dyDescent="0.25">
      <c r="A138" s="5"/>
      <c r="B138" s="5"/>
      <c r="D138" s="138"/>
      <c r="E138" s="131"/>
      <c r="L138" s="163"/>
      <c r="M138" s="18" t="s">
        <v>70</v>
      </c>
      <c r="N138" s="19" t="s">
        <v>289</v>
      </c>
      <c r="O138" s="2"/>
      <c r="P138" s="82" t="s">
        <v>70</v>
      </c>
      <c r="Q138" s="19" t="s">
        <v>724</v>
      </c>
    </row>
    <row r="139" spans="1:36" ht="20.25" hidden="1" customHeight="1" x14ac:dyDescent="0.25">
      <c r="A139" s="5"/>
      <c r="B139" s="5"/>
      <c r="C139" s="6"/>
      <c r="D139" s="138"/>
      <c r="E139" s="131"/>
      <c r="L139" s="163"/>
      <c r="M139" s="18" t="s">
        <v>73</v>
      </c>
      <c r="N139" s="19" t="s">
        <v>290</v>
      </c>
      <c r="O139" s="2"/>
      <c r="P139" s="82" t="s">
        <v>172</v>
      </c>
      <c r="Q139" s="19" t="s">
        <v>726</v>
      </c>
    </row>
    <row r="140" spans="1:36" ht="20.25" hidden="1" customHeight="1" x14ac:dyDescent="0.25">
      <c r="B140" s="5"/>
      <c r="C140" s="6"/>
      <c r="D140" s="138"/>
      <c r="E140" s="131"/>
      <c r="L140" s="163"/>
      <c r="M140" s="18" t="s">
        <v>76</v>
      </c>
      <c r="N140" s="19" t="s">
        <v>291</v>
      </c>
      <c r="O140" s="2"/>
      <c r="P140" s="83" t="s">
        <v>93</v>
      </c>
      <c r="Q140" s="22" t="s">
        <v>94</v>
      </c>
    </row>
    <row r="141" spans="1:36" ht="20.25" hidden="1" customHeight="1" x14ac:dyDescent="0.25">
      <c r="B141" s="5"/>
      <c r="C141" s="6"/>
      <c r="D141" s="138"/>
      <c r="E141" s="131"/>
      <c r="L141" s="163"/>
      <c r="M141" s="18" t="s">
        <v>79</v>
      </c>
      <c r="N141" s="19" t="s">
        <v>293</v>
      </c>
      <c r="O141" s="2" t="s">
        <v>955</v>
      </c>
      <c r="P141" s="43"/>
      <c r="Q141" s="44"/>
    </row>
    <row r="142" spans="1:36" ht="20.25" hidden="1" customHeight="1" x14ac:dyDescent="0.25">
      <c r="C142" s="6"/>
      <c r="D142" s="138"/>
      <c r="E142" s="131"/>
      <c r="L142" s="163"/>
      <c r="M142" s="18" t="s">
        <v>82</v>
      </c>
      <c r="N142" s="19" t="s">
        <v>294</v>
      </c>
      <c r="O142" s="2" t="s">
        <v>910</v>
      </c>
      <c r="P142" s="43"/>
      <c r="Q142" s="44"/>
    </row>
    <row r="143" spans="1:36" ht="20.25" hidden="1" customHeight="1" x14ac:dyDescent="0.25">
      <c r="C143" s="6"/>
      <c r="D143" s="138"/>
      <c r="E143" s="131"/>
      <c r="L143" s="163"/>
      <c r="M143" s="18" t="s">
        <v>85</v>
      </c>
      <c r="N143" s="19" t="s">
        <v>295</v>
      </c>
      <c r="O143" s="2" t="s">
        <v>956</v>
      </c>
      <c r="P143" s="81" t="s">
        <v>65</v>
      </c>
      <c r="Q143" s="16" t="s">
        <v>735</v>
      </c>
    </row>
    <row r="144" spans="1:36" ht="20.25" hidden="1" customHeight="1" x14ac:dyDescent="0.25">
      <c r="C144" s="6"/>
      <c r="D144" s="138"/>
      <c r="E144" s="131"/>
      <c r="L144" s="163"/>
      <c r="M144" s="18" t="s">
        <v>88</v>
      </c>
      <c r="N144" s="19" t="s">
        <v>296</v>
      </c>
      <c r="O144" s="2"/>
      <c r="P144" s="82" t="s">
        <v>490</v>
      </c>
      <c r="Q144" s="19" t="s">
        <v>1214</v>
      </c>
    </row>
    <row r="145" spans="3:17" ht="20.25" hidden="1" customHeight="1" x14ac:dyDescent="0.25">
      <c r="C145" s="6"/>
      <c r="D145" s="138"/>
      <c r="E145" s="131"/>
      <c r="L145" s="163"/>
      <c r="M145" s="18" t="s">
        <v>90</v>
      </c>
      <c r="N145" s="19" t="s">
        <v>297</v>
      </c>
      <c r="O145" s="2"/>
      <c r="P145" s="82" t="s">
        <v>73</v>
      </c>
      <c r="Q145" s="19" t="s">
        <v>741</v>
      </c>
    </row>
    <row r="146" spans="3:17" ht="20.25" hidden="1" customHeight="1" x14ac:dyDescent="0.25">
      <c r="C146" s="6"/>
      <c r="D146" s="138"/>
      <c r="E146" s="131"/>
      <c r="L146" s="163"/>
      <c r="M146" s="18" t="s">
        <v>114</v>
      </c>
      <c r="N146" s="19" t="s">
        <v>299</v>
      </c>
      <c r="O146" s="2"/>
      <c r="P146" s="83" t="s">
        <v>93</v>
      </c>
      <c r="Q146" s="22" t="s">
        <v>94</v>
      </c>
    </row>
    <row r="147" spans="3:17" ht="20.25" hidden="1" customHeight="1" x14ac:dyDescent="0.25">
      <c r="C147" s="6"/>
      <c r="D147" s="138"/>
      <c r="E147" s="131"/>
      <c r="L147" s="163"/>
      <c r="M147" s="18" t="s">
        <v>117</v>
      </c>
      <c r="N147" s="19" t="s">
        <v>300</v>
      </c>
      <c r="O147" s="2" t="s">
        <v>957</v>
      </c>
      <c r="P147" s="43"/>
      <c r="Q147" s="44"/>
    </row>
    <row r="148" spans="3:17" ht="20.25" hidden="1" customHeight="1" x14ac:dyDescent="0.25">
      <c r="C148" s="6"/>
      <c r="D148" s="138"/>
      <c r="E148" s="131"/>
      <c r="L148" s="163"/>
      <c r="M148" s="18" t="s">
        <v>119</v>
      </c>
      <c r="N148" s="19" t="s">
        <v>301</v>
      </c>
      <c r="O148" s="2" t="s">
        <v>958</v>
      </c>
      <c r="P148" s="43"/>
      <c r="Q148" s="44"/>
    </row>
    <row r="149" spans="3:17" ht="20.25" hidden="1" customHeight="1" x14ac:dyDescent="0.25">
      <c r="C149" s="6"/>
      <c r="D149" s="138"/>
      <c r="E149" s="131"/>
      <c r="L149" s="163"/>
      <c r="M149" s="18" t="s">
        <v>160</v>
      </c>
      <c r="N149" s="19" t="s">
        <v>303</v>
      </c>
      <c r="O149" s="2" t="s">
        <v>959</v>
      </c>
      <c r="P149" s="43"/>
      <c r="Q149" s="44"/>
    </row>
    <row r="150" spans="3:17" ht="20.25" hidden="1" customHeight="1" x14ac:dyDescent="0.25">
      <c r="C150" s="6"/>
      <c r="D150" s="138"/>
      <c r="E150" s="131"/>
      <c r="L150" s="163"/>
      <c r="M150" s="21" t="s">
        <v>93</v>
      </c>
      <c r="N150" s="22" t="s">
        <v>94</v>
      </c>
      <c r="O150" s="2" t="s">
        <v>960</v>
      </c>
      <c r="P150" s="43"/>
      <c r="Q150" s="44"/>
    </row>
    <row r="151" spans="3:17" ht="20.25" hidden="1" customHeight="1" x14ac:dyDescent="0.25">
      <c r="D151" s="138"/>
      <c r="E151" s="131"/>
      <c r="L151" s="163" t="s">
        <v>859</v>
      </c>
      <c r="M151" s="15" t="s">
        <v>65</v>
      </c>
      <c r="N151" s="16" t="s">
        <v>306</v>
      </c>
      <c r="O151" s="2" t="s">
        <v>961</v>
      </c>
      <c r="P151" s="43"/>
      <c r="Q151" s="44"/>
    </row>
    <row r="152" spans="3:17" ht="20.25" hidden="1" customHeight="1" x14ac:dyDescent="0.25">
      <c r="D152" s="138"/>
      <c r="E152" s="131"/>
      <c r="L152" s="163"/>
      <c r="M152" s="18" t="s">
        <v>70</v>
      </c>
      <c r="N152" s="19" t="s">
        <v>308</v>
      </c>
      <c r="O152" s="2" t="s">
        <v>962</v>
      </c>
      <c r="P152" s="43"/>
      <c r="Q152" s="44"/>
    </row>
    <row r="153" spans="3:17" ht="20.25" hidden="1" customHeight="1" x14ac:dyDescent="0.25">
      <c r="D153" s="138"/>
      <c r="E153" s="131"/>
      <c r="L153" s="163"/>
      <c r="M153" s="18" t="s">
        <v>73</v>
      </c>
      <c r="N153" s="19" t="s">
        <v>309</v>
      </c>
      <c r="O153" s="2" t="s">
        <v>910</v>
      </c>
      <c r="P153" s="43"/>
      <c r="Q153" s="44"/>
    </row>
    <row r="154" spans="3:17" ht="20.25" hidden="1" customHeight="1" x14ac:dyDescent="0.25">
      <c r="D154" s="138"/>
      <c r="E154" s="131"/>
      <c r="L154" s="163"/>
      <c r="M154" s="18" t="s">
        <v>76</v>
      </c>
      <c r="N154" s="19" t="s">
        <v>310</v>
      </c>
      <c r="O154" s="2" t="s">
        <v>963</v>
      </c>
      <c r="P154" s="43"/>
      <c r="Q154" s="44"/>
    </row>
    <row r="155" spans="3:17" ht="20.25" hidden="1" customHeight="1" x14ac:dyDescent="0.25">
      <c r="D155" s="138"/>
      <c r="E155" s="131"/>
      <c r="L155" s="163"/>
      <c r="M155" s="18" t="s">
        <v>79</v>
      </c>
      <c r="N155" s="19" t="s">
        <v>1215</v>
      </c>
      <c r="O155" s="2" t="s">
        <v>964</v>
      </c>
      <c r="P155" s="43"/>
      <c r="Q155" s="44"/>
    </row>
    <row r="156" spans="3:17" ht="20.25" hidden="1" customHeight="1" x14ac:dyDescent="0.25">
      <c r="D156" s="138"/>
      <c r="E156" s="131"/>
      <c r="L156" s="163"/>
      <c r="M156" s="18" t="s">
        <v>82</v>
      </c>
      <c r="N156" s="19" t="s">
        <v>313</v>
      </c>
      <c r="O156" s="2" t="s">
        <v>965</v>
      </c>
      <c r="P156" s="43"/>
      <c r="Q156" s="44"/>
    </row>
    <row r="157" spans="3:17" ht="20.25" hidden="1" customHeight="1" x14ac:dyDescent="0.25">
      <c r="D157" s="138"/>
      <c r="E157" s="131"/>
      <c r="L157" s="163"/>
      <c r="M157" s="18" t="s">
        <v>85</v>
      </c>
      <c r="N157" s="19" t="s">
        <v>315</v>
      </c>
      <c r="O157" s="2" t="s">
        <v>966</v>
      </c>
      <c r="P157" s="43"/>
      <c r="Q157" s="44"/>
    </row>
    <row r="158" spans="3:17" ht="20.25" hidden="1" customHeight="1" x14ac:dyDescent="0.25">
      <c r="D158" s="138"/>
      <c r="E158" s="131"/>
      <c r="L158" s="163"/>
      <c r="M158" s="21" t="s">
        <v>93</v>
      </c>
      <c r="N158" s="22" t="s">
        <v>94</v>
      </c>
      <c r="O158" s="2" t="s">
        <v>967</v>
      </c>
      <c r="P158" s="43"/>
      <c r="Q158" s="44"/>
    </row>
    <row r="159" spans="3:17" ht="20.25" hidden="1" customHeight="1" x14ac:dyDescent="0.25">
      <c r="D159" s="138"/>
      <c r="E159" s="131"/>
      <c r="L159" s="163" t="s">
        <v>860</v>
      </c>
      <c r="M159" s="15" t="s">
        <v>65</v>
      </c>
      <c r="N159" s="16" t="s">
        <v>319</v>
      </c>
      <c r="O159" s="2" t="s">
        <v>910</v>
      </c>
      <c r="P159" s="43"/>
      <c r="Q159" s="44"/>
    </row>
    <row r="160" spans="3:17" ht="20.25" hidden="1" customHeight="1" x14ac:dyDescent="0.25">
      <c r="D160" s="138"/>
      <c r="E160" s="131"/>
      <c r="L160" s="163"/>
      <c r="M160" s="18" t="s">
        <v>70</v>
      </c>
      <c r="N160" s="19" t="s">
        <v>321</v>
      </c>
      <c r="O160" s="2" t="s">
        <v>968</v>
      </c>
      <c r="P160" s="81" t="s">
        <v>65</v>
      </c>
      <c r="Q160" s="16" t="s">
        <v>774</v>
      </c>
    </row>
    <row r="161" spans="4:17" ht="20.25" hidden="1" customHeight="1" x14ac:dyDescent="0.25">
      <c r="D161" s="138"/>
      <c r="E161" s="131"/>
      <c r="L161" s="163"/>
      <c r="M161" s="18" t="s">
        <v>73</v>
      </c>
      <c r="N161" s="19" t="s">
        <v>322</v>
      </c>
      <c r="O161" s="2"/>
      <c r="P161" s="82" t="s">
        <v>70</v>
      </c>
      <c r="Q161" s="19" t="s">
        <v>777</v>
      </c>
    </row>
    <row r="162" spans="4:17" ht="20.25" hidden="1" customHeight="1" x14ac:dyDescent="0.25">
      <c r="D162" s="138"/>
      <c r="E162" s="131"/>
      <c r="L162" s="163"/>
      <c r="M162" s="18" t="s">
        <v>76</v>
      </c>
      <c r="N162" s="19" t="s">
        <v>324</v>
      </c>
      <c r="O162" s="2"/>
      <c r="P162" s="82" t="s">
        <v>172</v>
      </c>
      <c r="Q162" s="19" t="s">
        <v>778</v>
      </c>
    </row>
    <row r="163" spans="4:17" ht="20.25" hidden="1" customHeight="1" x14ac:dyDescent="0.25">
      <c r="D163" s="138"/>
      <c r="E163" s="131"/>
      <c r="L163" s="163"/>
      <c r="M163" s="18" t="s">
        <v>79</v>
      </c>
      <c r="N163" s="19" t="s">
        <v>326</v>
      </c>
      <c r="O163" s="2"/>
      <c r="P163" s="82" t="s">
        <v>142</v>
      </c>
      <c r="Q163" s="19" t="s">
        <v>780</v>
      </c>
    </row>
    <row r="164" spans="4:17" ht="20.25" hidden="1" customHeight="1" x14ac:dyDescent="0.25">
      <c r="D164" s="138"/>
      <c r="E164" s="131"/>
      <c r="L164" s="163"/>
      <c r="M164" s="18" t="s">
        <v>82</v>
      </c>
      <c r="N164" s="19" t="s">
        <v>328</v>
      </c>
      <c r="O164" s="2"/>
      <c r="P164" s="83" t="s">
        <v>93</v>
      </c>
      <c r="Q164" s="22" t="s">
        <v>94</v>
      </c>
    </row>
    <row r="165" spans="4:17" ht="20.25" hidden="1" customHeight="1" x14ac:dyDescent="0.25">
      <c r="D165" s="138"/>
      <c r="E165" s="131"/>
      <c r="L165" s="163"/>
      <c r="M165" s="18" t="s">
        <v>85</v>
      </c>
      <c r="N165" s="19" t="s">
        <v>329</v>
      </c>
      <c r="O165" s="2" t="s">
        <v>969</v>
      </c>
      <c r="P165" s="43"/>
      <c r="Q165" s="44"/>
    </row>
    <row r="166" spans="4:17" ht="20.25" hidden="1" customHeight="1" x14ac:dyDescent="0.25">
      <c r="D166" s="138"/>
      <c r="E166" s="131"/>
      <c r="L166" s="163"/>
      <c r="M166" s="18" t="s">
        <v>88</v>
      </c>
      <c r="N166" s="19" t="s">
        <v>330</v>
      </c>
      <c r="O166" s="2" t="s">
        <v>910</v>
      </c>
      <c r="P166" s="43"/>
      <c r="Q166" s="44"/>
    </row>
    <row r="167" spans="4:17" ht="20.25" hidden="1" customHeight="1" x14ac:dyDescent="0.25">
      <c r="D167" s="138"/>
      <c r="E167" s="131"/>
      <c r="L167" s="163"/>
      <c r="M167" s="18" t="s">
        <v>90</v>
      </c>
      <c r="N167" s="19" t="s">
        <v>332</v>
      </c>
      <c r="O167" s="2" t="s">
        <v>970</v>
      </c>
      <c r="P167" s="81" t="s">
        <v>65</v>
      </c>
      <c r="Q167" s="16" t="s">
        <v>86</v>
      </c>
    </row>
    <row r="168" spans="4:17" ht="20.25" hidden="1" customHeight="1" x14ac:dyDescent="0.25">
      <c r="D168" s="138"/>
      <c r="E168" s="131"/>
      <c r="L168" s="163"/>
      <c r="M168" s="18" t="s">
        <v>114</v>
      </c>
      <c r="N168" s="19" t="s">
        <v>334</v>
      </c>
      <c r="O168" s="2"/>
      <c r="P168" s="82" t="s">
        <v>70</v>
      </c>
      <c r="Q168" s="19" t="s">
        <v>785</v>
      </c>
    </row>
    <row r="169" spans="4:17" ht="20.25" hidden="1" customHeight="1" x14ac:dyDescent="0.25">
      <c r="D169" s="138"/>
      <c r="E169" s="131"/>
      <c r="L169" s="163"/>
      <c r="M169" s="18" t="s">
        <v>117</v>
      </c>
      <c r="N169" s="19" t="s">
        <v>335</v>
      </c>
      <c r="O169" s="2"/>
      <c r="P169" s="83" t="s">
        <v>93</v>
      </c>
      <c r="Q169" s="22" t="s">
        <v>94</v>
      </c>
    </row>
    <row r="170" spans="4:17" ht="20.25" hidden="1" customHeight="1" x14ac:dyDescent="0.25">
      <c r="D170" s="138"/>
      <c r="E170" s="131"/>
      <c r="L170" s="163"/>
      <c r="M170" s="18" t="s">
        <v>119</v>
      </c>
      <c r="N170" s="19" t="s">
        <v>337</v>
      </c>
      <c r="O170" s="2" t="s">
        <v>971</v>
      </c>
      <c r="P170" s="43"/>
      <c r="Q170" s="44"/>
    </row>
    <row r="171" spans="4:17" ht="20.25" hidden="1" customHeight="1" x14ac:dyDescent="0.25">
      <c r="D171" s="138"/>
      <c r="E171" s="131"/>
      <c r="L171" s="163"/>
      <c r="M171" s="18" t="s">
        <v>160</v>
      </c>
      <c r="N171" s="19" t="s">
        <v>338</v>
      </c>
      <c r="O171" s="2" t="s">
        <v>972</v>
      </c>
      <c r="P171" s="43"/>
      <c r="Q171" s="44"/>
    </row>
    <row r="172" spans="4:17" ht="20.25" hidden="1" customHeight="1" x14ac:dyDescent="0.25">
      <c r="L172" s="163"/>
      <c r="M172" s="18" t="s">
        <v>163</v>
      </c>
      <c r="N172" s="19" t="s">
        <v>339</v>
      </c>
      <c r="O172" s="2" t="s">
        <v>973</v>
      </c>
      <c r="P172" s="43"/>
      <c r="Q172" s="44"/>
    </row>
    <row r="173" spans="4:17" ht="20.25" hidden="1" customHeight="1" x14ac:dyDescent="0.25">
      <c r="L173" s="163"/>
      <c r="M173" s="18" t="s">
        <v>206</v>
      </c>
      <c r="N173" s="19" t="s">
        <v>340</v>
      </c>
      <c r="O173" s="2" t="s">
        <v>974</v>
      </c>
      <c r="P173" s="43"/>
      <c r="Q173" s="44"/>
    </row>
    <row r="174" spans="4:17" ht="20.25" hidden="1" customHeight="1" x14ac:dyDescent="0.25">
      <c r="L174" s="163"/>
      <c r="M174" s="18" t="s">
        <v>209</v>
      </c>
      <c r="N174" s="19" t="s">
        <v>341</v>
      </c>
      <c r="O174" s="2" t="s">
        <v>910</v>
      </c>
      <c r="P174" s="43"/>
      <c r="Q174" s="44"/>
    </row>
    <row r="175" spans="4:17" ht="20.25" hidden="1" customHeight="1" x14ac:dyDescent="0.25">
      <c r="L175" s="163"/>
      <c r="M175" s="18" t="s">
        <v>211</v>
      </c>
      <c r="N175" s="19" t="s">
        <v>342</v>
      </c>
      <c r="O175" s="2" t="s">
        <v>975</v>
      </c>
      <c r="P175" s="43"/>
      <c r="Q175" s="44"/>
    </row>
    <row r="176" spans="4:17" ht="20.25" hidden="1" customHeight="1" x14ac:dyDescent="0.25">
      <c r="L176" s="163"/>
      <c r="M176" s="18" t="s">
        <v>213</v>
      </c>
      <c r="N176" s="19" t="s">
        <v>343</v>
      </c>
      <c r="O176" s="2" t="s">
        <v>976</v>
      </c>
      <c r="P176" s="43"/>
      <c r="Q176" s="44"/>
    </row>
    <row r="177" spans="12:17" ht="20.25" hidden="1" customHeight="1" x14ac:dyDescent="0.25">
      <c r="L177" s="163"/>
      <c r="M177" s="21" t="s">
        <v>93</v>
      </c>
      <c r="N177" s="22" t="s">
        <v>94</v>
      </c>
      <c r="O177" s="2" t="s">
        <v>977</v>
      </c>
      <c r="P177" s="43"/>
      <c r="Q177" s="44"/>
    </row>
    <row r="178" spans="12:17" ht="20.25" hidden="1" customHeight="1" x14ac:dyDescent="0.25">
      <c r="L178" s="163" t="s">
        <v>861</v>
      </c>
      <c r="M178" s="15" t="s">
        <v>65</v>
      </c>
      <c r="N178" s="16" t="s">
        <v>346</v>
      </c>
      <c r="O178" s="2" t="s">
        <v>978</v>
      </c>
      <c r="P178" s="43"/>
      <c r="Q178" s="44"/>
    </row>
    <row r="179" spans="12:17" ht="20.25" hidden="1" customHeight="1" x14ac:dyDescent="0.25">
      <c r="L179" s="163"/>
      <c r="M179" s="18" t="s">
        <v>70</v>
      </c>
      <c r="N179" s="19" t="s">
        <v>347</v>
      </c>
      <c r="O179" s="2" t="s">
        <v>979</v>
      </c>
      <c r="P179" s="43"/>
      <c r="Q179" s="44"/>
    </row>
    <row r="180" spans="12:17" ht="20.25" hidden="1" customHeight="1" x14ac:dyDescent="0.25">
      <c r="L180" s="163"/>
      <c r="M180" s="18" t="s">
        <v>172</v>
      </c>
      <c r="N180" s="19" t="s">
        <v>348</v>
      </c>
      <c r="O180" s="2" t="s">
        <v>980</v>
      </c>
      <c r="P180" s="43"/>
      <c r="Q180" s="44"/>
    </row>
    <row r="181" spans="12:17" ht="20.25" hidden="1" customHeight="1" x14ac:dyDescent="0.25">
      <c r="L181" s="163"/>
      <c r="M181" s="21" t="s">
        <v>93</v>
      </c>
      <c r="N181" s="22" t="s">
        <v>94</v>
      </c>
      <c r="O181" s="2" t="s">
        <v>981</v>
      </c>
      <c r="P181" s="43"/>
      <c r="Q181" s="44"/>
    </row>
    <row r="182" spans="12:17" ht="20.25" hidden="1" customHeight="1" x14ac:dyDescent="0.25">
      <c r="L182" s="163" t="s">
        <v>862</v>
      </c>
      <c r="M182" s="15" t="s">
        <v>65</v>
      </c>
      <c r="N182" s="16" t="s">
        <v>34</v>
      </c>
      <c r="O182" s="2" t="s">
        <v>982</v>
      </c>
      <c r="P182" s="43"/>
      <c r="Q182" s="44"/>
    </row>
    <row r="183" spans="12:17" ht="20.25" hidden="1" customHeight="1" x14ac:dyDescent="0.25">
      <c r="L183" s="163"/>
      <c r="M183" s="18" t="s">
        <v>70</v>
      </c>
      <c r="N183" s="19" t="s">
        <v>352</v>
      </c>
      <c r="O183" s="2" t="s">
        <v>983</v>
      </c>
      <c r="P183" s="43"/>
      <c r="Q183" s="44"/>
    </row>
    <row r="184" spans="12:17" ht="20.25" hidden="1" customHeight="1" x14ac:dyDescent="0.25">
      <c r="L184" s="163"/>
      <c r="M184" s="18" t="s">
        <v>73</v>
      </c>
      <c r="N184" s="19" t="s">
        <v>354</v>
      </c>
      <c r="O184" s="2" t="s">
        <v>984</v>
      </c>
      <c r="P184" s="86" t="s">
        <v>65</v>
      </c>
      <c r="Q184" s="64" t="s">
        <v>815</v>
      </c>
    </row>
    <row r="185" spans="12:17" ht="20.25" hidden="1" customHeight="1" x14ac:dyDescent="0.25">
      <c r="L185" s="163"/>
      <c r="M185" s="18" t="s">
        <v>76</v>
      </c>
      <c r="N185" s="19" t="s">
        <v>355</v>
      </c>
      <c r="O185" s="2"/>
      <c r="P185" s="87" t="s">
        <v>70</v>
      </c>
      <c r="Q185" s="66" t="s">
        <v>817</v>
      </c>
    </row>
    <row r="186" spans="12:17" ht="20.25" hidden="1" customHeight="1" x14ac:dyDescent="0.2">
      <c r="L186" s="163"/>
      <c r="M186" s="18" t="s">
        <v>79</v>
      </c>
      <c r="N186" s="19" t="s">
        <v>357</v>
      </c>
      <c r="O186" s="2"/>
      <c r="P186" s="88" t="s">
        <v>93</v>
      </c>
      <c r="Q186" s="68" t="s">
        <v>94</v>
      </c>
    </row>
    <row r="187" spans="12:17" ht="20.25" hidden="1" customHeight="1" x14ac:dyDescent="0.25">
      <c r="L187" s="163"/>
      <c r="M187" s="18" t="s">
        <v>82</v>
      </c>
      <c r="N187" s="19" t="s">
        <v>359</v>
      </c>
      <c r="O187" s="2" t="s">
        <v>985</v>
      </c>
      <c r="P187" s="43"/>
      <c r="Q187" s="44"/>
    </row>
    <row r="188" spans="12:17" ht="20.25" hidden="1" customHeight="1" x14ac:dyDescent="0.25">
      <c r="L188" s="163"/>
      <c r="M188" s="21" t="s">
        <v>93</v>
      </c>
      <c r="N188" s="22" t="s">
        <v>94</v>
      </c>
      <c r="O188" s="167" t="s">
        <v>986</v>
      </c>
      <c r="P188" s="86" t="s">
        <v>65</v>
      </c>
      <c r="Q188" s="64" t="s">
        <v>821</v>
      </c>
    </row>
    <row r="189" spans="12:17" ht="20.25" hidden="1" customHeight="1" x14ac:dyDescent="0.2">
      <c r="L189" s="163" t="s">
        <v>863</v>
      </c>
      <c r="M189" s="15" t="s">
        <v>65</v>
      </c>
      <c r="N189" s="16" t="s">
        <v>362</v>
      </c>
      <c r="O189" s="2"/>
      <c r="P189" s="89" t="s">
        <v>70</v>
      </c>
      <c r="Q189" s="71" t="s">
        <v>822</v>
      </c>
    </row>
    <row r="190" spans="12:17" ht="20.25" hidden="1" customHeight="1" x14ac:dyDescent="0.2">
      <c r="L190" s="163"/>
      <c r="M190" s="18" t="s">
        <v>70</v>
      </c>
      <c r="N190" s="19" t="s">
        <v>364</v>
      </c>
      <c r="O190" s="2"/>
      <c r="P190" s="90" t="s">
        <v>93</v>
      </c>
      <c r="Q190" s="73" t="s">
        <v>94</v>
      </c>
    </row>
    <row r="191" spans="12:17" ht="20.25" hidden="1" customHeight="1" x14ac:dyDescent="0.25">
      <c r="L191" s="163"/>
      <c r="M191" s="18" t="s">
        <v>73</v>
      </c>
      <c r="N191" s="19" t="s">
        <v>366</v>
      </c>
      <c r="O191" s="2" t="s">
        <v>987</v>
      </c>
      <c r="P191" s="43"/>
      <c r="Q191" s="44"/>
    </row>
    <row r="192" spans="12:17" ht="20.25" hidden="1" customHeight="1" x14ac:dyDescent="0.25">
      <c r="L192" s="163"/>
      <c r="M192" s="18" t="s">
        <v>76</v>
      </c>
      <c r="N192" s="19" t="s">
        <v>368</v>
      </c>
      <c r="O192" s="2" t="s">
        <v>988</v>
      </c>
      <c r="P192" s="43"/>
      <c r="Q192" s="44"/>
    </row>
    <row r="193" spans="12:17" ht="20.25" hidden="1" customHeight="1" x14ac:dyDescent="0.25">
      <c r="L193" s="163"/>
      <c r="M193" s="18" t="s">
        <v>79</v>
      </c>
      <c r="N193" s="19" t="s">
        <v>370</v>
      </c>
      <c r="O193" s="2" t="s">
        <v>910</v>
      </c>
      <c r="P193" s="43"/>
      <c r="Q193" s="44"/>
    </row>
    <row r="194" spans="12:17" ht="20.25" hidden="1" customHeight="1" x14ac:dyDescent="0.25">
      <c r="L194" s="163"/>
      <c r="M194" s="18" t="s">
        <v>82</v>
      </c>
      <c r="N194" s="19" t="s">
        <v>371</v>
      </c>
    </row>
    <row r="195" spans="12:17" ht="20.25" hidden="1" customHeight="1" x14ac:dyDescent="0.25">
      <c r="L195" s="163"/>
      <c r="M195" s="21" t="s">
        <v>93</v>
      </c>
      <c r="N195" s="22" t="s">
        <v>94</v>
      </c>
    </row>
    <row r="196" spans="12:17" ht="20.25" hidden="1" customHeight="1" x14ac:dyDescent="0.25">
      <c r="L196" s="163" t="s">
        <v>864</v>
      </c>
      <c r="M196" s="15" t="s">
        <v>65</v>
      </c>
      <c r="N196" s="16" t="s">
        <v>375</v>
      </c>
    </row>
    <row r="197" spans="12:17" ht="20.25" hidden="1" customHeight="1" x14ac:dyDescent="0.25">
      <c r="L197" s="163"/>
      <c r="M197" s="18" t="s">
        <v>70</v>
      </c>
      <c r="N197" s="19" t="s">
        <v>378</v>
      </c>
    </row>
    <row r="198" spans="12:17" ht="20.25" hidden="1" customHeight="1" x14ac:dyDescent="0.25">
      <c r="L198" s="163"/>
      <c r="M198" s="18" t="s">
        <v>73</v>
      </c>
      <c r="N198" s="19" t="s">
        <v>380</v>
      </c>
    </row>
    <row r="199" spans="12:17" ht="20.25" hidden="1" customHeight="1" x14ac:dyDescent="0.25">
      <c r="L199" s="163"/>
      <c r="M199" s="18" t="s">
        <v>76</v>
      </c>
      <c r="N199" s="19" t="s">
        <v>382</v>
      </c>
    </row>
    <row r="200" spans="12:17" ht="20.25" hidden="1" customHeight="1" x14ac:dyDescent="0.25">
      <c r="L200" s="163"/>
      <c r="M200" s="21" t="s">
        <v>93</v>
      </c>
      <c r="N200" s="22" t="s">
        <v>94</v>
      </c>
    </row>
    <row r="201" spans="12:17" ht="20.25" hidden="1" customHeight="1" x14ac:dyDescent="0.25">
      <c r="L201" s="163" t="s">
        <v>865</v>
      </c>
      <c r="M201" s="15" t="s">
        <v>65</v>
      </c>
      <c r="N201" s="16" t="s">
        <v>384</v>
      </c>
    </row>
    <row r="202" spans="12:17" ht="20.25" hidden="1" customHeight="1" x14ac:dyDescent="0.25">
      <c r="L202" s="163"/>
      <c r="M202" s="18" t="s">
        <v>70</v>
      </c>
      <c r="N202" s="19" t="s">
        <v>386</v>
      </c>
    </row>
    <row r="203" spans="12:17" ht="20.25" hidden="1" customHeight="1" x14ac:dyDescent="0.25">
      <c r="L203" s="163"/>
      <c r="M203" s="18" t="s">
        <v>73</v>
      </c>
      <c r="N203" s="19" t="s">
        <v>387</v>
      </c>
    </row>
    <row r="204" spans="12:17" ht="20.25" hidden="1" customHeight="1" x14ac:dyDescent="0.25">
      <c r="L204" s="163"/>
      <c r="M204" s="21" t="s">
        <v>93</v>
      </c>
      <c r="N204" s="22" t="s">
        <v>94</v>
      </c>
    </row>
    <row r="205" spans="12:17" ht="20.25" hidden="1" customHeight="1" x14ac:dyDescent="0.25">
      <c r="L205" s="163" t="s">
        <v>866</v>
      </c>
      <c r="M205" s="15" t="s">
        <v>65</v>
      </c>
      <c r="N205" s="16" t="s">
        <v>390</v>
      </c>
    </row>
    <row r="206" spans="12:17" ht="20.25" hidden="1" customHeight="1" x14ac:dyDescent="0.25">
      <c r="L206" s="163"/>
      <c r="M206" s="18" t="s">
        <v>70</v>
      </c>
      <c r="N206" s="19" t="s">
        <v>391</v>
      </c>
    </row>
    <row r="207" spans="12:17" ht="20.25" hidden="1" customHeight="1" x14ac:dyDescent="0.25">
      <c r="L207" s="163"/>
      <c r="M207" s="18" t="s">
        <v>73</v>
      </c>
      <c r="N207" s="19" t="s">
        <v>392</v>
      </c>
    </row>
    <row r="208" spans="12:17" ht="20.25" hidden="1" customHeight="1" x14ac:dyDescent="0.25">
      <c r="L208" s="163"/>
      <c r="M208" s="18" t="s">
        <v>76</v>
      </c>
      <c r="N208" s="19" t="s">
        <v>393</v>
      </c>
    </row>
    <row r="209" spans="12:14" ht="20.25" hidden="1" customHeight="1" x14ac:dyDescent="0.25">
      <c r="L209" s="163"/>
      <c r="M209" s="18" t="s">
        <v>79</v>
      </c>
      <c r="N209" s="19" t="s">
        <v>394</v>
      </c>
    </row>
    <row r="210" spans="12:14" ht="20.25" hidden="1" customHeight="1" x14ac:dyDescent="0.25">
      <c r="L210" s="163"/>
      <c r="M210" s="18" t="s">
        <v>82</v>
      </c>
      <c r="N210" s="19" t="s">
        <v>396</v>
      </c>
    </row>
    <row r="211" spans="12:14" ht="20.25" hidden="1" customHeight="1" x14ac:dyDescent="0.25">
      <c r="L211" s="163"/>
      <c r="M211" s="18" t="s">
        <v>85</v>
      </c>
      <c r="N211" s="19" t="s">
        <v>398</v>
      </c>
    </row>
    <row r="212" spans="12:14" ht="20.25" hidden="1" customHeight="1" x14ac:dyDescent="0.25">
      <c r="L212" s="163"/>
      <c r="M212" s="18" t="s">
        <v>88</v>
      </c>
      <c r="N212" s="19" t="s">
        <v>400</v>
      </c>
    </row>
    <row r="213" spans="12:14" ht="20.25" hidden="1" customHeight="1" x14ac:dyDescent="0.25">
      <c r="L213" s="163"/>
      <c r="M213" s="18" t="s">
        <v>90</v>
      </c>
      <c r="N213" s="19" t="s">
        <v>402</v>
      </c>
    </row>
    <row r="214" spans="12:14" ht="20.25" hidden="1" customHeight="1" x14ac:dyDescent="0.25">
      <c r="L214" s="163"/>
      <c r="M214" s="18" t="s">
        <v>114</v>
      </c>
      <c r="N214" s="19" t="s">
        <v>404</v>
      </c>
    </row>
    <row r="215" spans="12:14" ht="20.25" hidden="1" customHeight="1" x14ac:dyDescent="0.25">
      <c r="L215" s="163"/>
      <c r="M215" s="18" t="s">
        <v>117</v>
      </c>
      <c r="N215" s="19" t="s">
        <v>405</v>
      </c>
    </row>
    <row r="216" spans="12:14" ht="20.25" hidden="1" customHeight="1" x14ac:dyDescent="0.25">
      <c r="L216" s="163"/>
      <c r="M216" s="18" t="s">
        <v>119</v>
      </c>
      <c r="N216" s="19" t="s">
        <v>407</v>
      </c>
    </row>
    <row r="217" spans="12:14" ht="20.25" hidden="1" customHeight="1" x14ac:dyDescent="0.25">
      <c r="L217" s="163"/>
      <c r="M217" s="18" t="s">
        <v>160</v>
      </c>
      <c r="N217" s="19" t="s">
        <v>409</v>
      </c>
    </row>
    <row r="218" spans="12:14" ht="20.25" hidden="1" customHeight="1" x14ac:dyDescent="0.25">
      <c r="L218" s="163"/>
      <c r="M218" s="18" t="s">
        <v>163</v>
      </c>
      <c r="N218" s="19" t="s">
        <v>411</v>
      </c>
    </row>
    <row r="219" spans="12:14" ht="20.25" hidden="1" customHeight="1" x14ac:dyDescent="0.25">
      <c r="L219" s="163"/>
      <c r="M219" s="18" t="s">
        <v>206</v>
      </c>
      <c r="N219" s="19" t="s">
        <v>413</v>
      </c>
    </row>
    <row r="220" spans="12:14" ht="20.25" hidden="1" customHeight="1" x14ac:dyDescent="0.25">
      <c r="L220" s="163"/>
      <c r="M220" s="18" t="s">
        <v>209</v>
      </c>
      <c r="N220" s="19" t="s">
        <v>415</v>
      </c>
    </row>
    <row r="221" spans="12:14" ht="20.25" hidden="1" customHeight="1" x14ac:dyDescent="0.25">
      <c r="L221" s="163"/>
      <c r="M221" s="18" t="s">
        <v>211</v>
      </c>
      <c r="N221" s="19" t="s">
        <v>417</v>
      </c>
    </row>
    <row r="222" spans="12:14" ht="20.25" hidden="1" customHeight="1" x14ac:dyDescent="0.25">
      <c r="L222" s="163"/>
      <c r="M222" s="18" t="s">
        <v>213</v>
      </c>
      <c r="N222" s="19" t="s">
        <v>419</v>
      </c>
    </row>
    <row r="223" spans="12:14" ht="20.25" hidden="1" customHeight="1" x14ac:dyDescent="0.25">
      <c r="L223" s="163"/>
      <c r="M223" s="18" t="s">
        <v>215</v>
      </c>
      <c r="N223" s="19" t="s">
        <v>421</v>
      </c>
    </row>
    <row r="224" spans="12:14" ht="20.25" hidden="1" customHeight="1" x14ac:dyDescent="0.25">
      <c r="L224" s="163"/>
      <c r="M224" s="18" t="s">
        <v>217</v>
      </c>
      <c r="N224" s="19" t="s">
        <v>422</v>
      </c>
    </row>
    <row r="225" spans="12:14" ht="20.25" hidden="1" customHeight="1" x14ac:dyDescent="0.25">
      <c r="L225" s="163"/>
      <c r="M225" s="18" t="s">
        <v>219</v>
      </c>
      <c r="N225" s="19" t="s">
        <v>423</v>
      </c>
    </row>
    <row r="226" spans="12:14" ht="20.25" hidden="1" customHeight="1" x14ac:dyDescent="0.25">
      <c r="L226" s="163"/>
      <c r="M226" s="24" t="s">
        <v>221</v>
      </c>
      <c r="N226" s="25" t="s">
        <v>425</v>
      </c>
    </row>
    <row r="227" spans="12:14" ht="20.25" hidden="1" customHeight="1" x14ac:dyDescent="0.25">
      <c r="L227" s="163"/>
      <c r="M227" s="18" t="s">
        <v>223</v>
      </c>
      <c r="N227" s="19" t="s">
        <v>426</v>
      </c>
    </row>
    <row r="228" spans="12:14" ht="20.25" hidden="1" customHeight="1" x14ac:dyDescent="0.25">
      <c r="L228" s="163"/>
      <c r="M228" s="18" t="s">
        <v>225</v>
      </c>
      <c r="N228" s="19" t="s">
        <v>428</v>
      </c>
    </row>
    <row r="229" spans="12:14" ht="20.25" hidden="1" customHeight="1" x14ac:dyDescent="0.25">
      <c r="L229" s="163"/>
      <c r="M229" s="18" t="s">
        <v>430</v>
      </c>
      <c r="N229" s="19" t="s">
        <v>431</v>
      </c>
    </row>
    <row r="230" spans="12:14" ht="20.25" hidden="1" customHeight="1" x14ac:dyDescent="0.25">
      <c r="L230" s="163"/>
      <c r="M230" s="18" t="s">
        <v>432</v>
      </c>
      <c r="N230" s="19" t="s">
        <v>433</v>
      </c>
    </row>
    <row r="231" spans="12:14" ht="20.25" hidden="1" customHeight="1" x14ac:dyDescent="0.25">
      <c r="L231" s="163"/>
      <c r="M231" s="18" t="s">
        <v>434</v>
      </c>
      <c r="N231" s="19" t="s">
        <v>435</v>
      </c>
    </row>
    <row r="232" spans="12:14" ht="20.25" hidden="1" customHeight="1" x14ac:dyDescent="0.25">
      <c r="L232" s="163"/>
      <c r="M232" s="18" t="s">
        <v>436</v>
      </c>
      <c r="N232" s="19" t="s">
        <v>437</v>
      </c>
    </row>
    <row r="233" spans="12:14" ht="20.25" hidden="1" customHeight="1" x14ac:dyDescent="0.25">
      <c r="L233" s="163"/>
      <c r="M233" s="18" t="s">
        <v>439</v>
      </c>
      <c r="N233" s="19" t="s">
        <v>440</v>
      </c>
    </row>
    <row r="234" spans="12:14" ht="20.25" hidden="1" customHeight="1" x14ac:dyDescent="0.25">
      <c r="L234" s="163"/>
      <c r="M234" s="18" t="s">
        <v>441</v>
      </c>
      <c r="N234" s="19" t="s">
        <v>442</v>
      </c>
    </row>
    <row r="235" spans="12:14" ht="20.25" hidden="1" customHeight="1" x14ac:dyDescent="0.25">
      <c r="L235" s="163"/>
      <c r="M235" s="18" t="s">
        <v>444</v>
      </c>
      <c r="N235" s="19" t="s">
        <v>445</v>
      </c>
    </row>
    <row r="236" spans="12:14" ht="20.25" hidden="1" customHeight="1" x14ac:dyDescent="0.25">
      <c r="L236" s="163"/>
      <c r="M236" s="18" t="s">
        <v>447</v>
      </c>
      <c r="N236" s="19" t="s">
        <v>448</v>
      </c>
    </row>
    <row r="237" spans="12:14" ht="20.25" hidden="1" customHeight="1" x14ac:dyDescent="0.25">
      <c r="L237" s="163"/>
      <c r="M237" s="18" t="s">
        <v>450</v>
      </c>
      <c r="N237" s="19" t="s">
        <v>451</v>
      </c>
    </row>
    <row r="238" spans="12:14" ht="20.25" hidden="1" customHeight="1" x14ac:dyDescent="0.25">
      <c r="L238" s="163"/>
      <c r="M238" s="21" t="s">
        <v>93</v>
      </c>
      <c r="N238" s="22" t="s">
        <v>453</v>
      </c>
    </row>
    <row r="239" spans="12:14" ht="20.25" hidden="1" customHeight="1" x14ac:dyDescent="0.25">
      <c r="L239" s="163" t="s">
        <v>869</v>
      </c>
      <c r="M239" s="15" t="s">
        <v>65</v>
      </c>
      <c r="N239" s="16" t="s">
        <v>86</v>
      </c>
    </row>
    <row r="240" spans="12:14" ht="20.25" hidden="1" customHeight="1" x14ac:dyDescent="0.25">
      <c r="L240" s="163"/>
      <c r="M240" s="18" t="s">
        <v>70</v>
      </c>
      <c r="N240" s="19" t="s">
        <v>456</v>
      </c>
    </row>
    <row r="241" spans="12:14" ht="20.25" hidden="1" customHeight="1" x14ac:dyDescent="0.25">
      <c r="L241" s="163"/>
      <c r="M241" s="18" t="s">
        <v>73</v>
      </c>
      <c r="N241" s="19" t="s">
        <v>458</v>
      </c>
    </row>
    <row r="242" spans="12:14" ht="20.25" hidden="1" customHeight="1" x14ac:dyDescent="0.25">
      <c r="L242" s="163"/>
      <c r="M242" s="18" t="s">
        <v>76</v>
      </c>
      <c r="N242" s="19" t="s">
        <v>460</v>
      </c>
    </row>
    <row r="243" spans="12:14" ht="20.25" hidden="1" customHeight="1" x14ac:dyDescent="0.25">
      <c r="L243" s="163"/>
      <c r="M243" s="18" t="s">
        <v>79</v>
      </c>
      <c r="N243" s="19" t="s">
        <v>462</v>
      </c>
    </row>
    <row r="244" spans="12:14" ht="20.25" hidden="1" customHeight="1" x14ac:dyDescent="0.25">
      <c r="L244" s="163"/>
      <c r="M244" s="18" t="s">
        <v>82</v>
      </c>
      <c r="N244" s="19" t="s">
        <v>228</v>
      </c>
    </row>
    <row r="245" spans="12:14" ht="20.25" hidden="1" customHeight="1" x14ac:dyDescent="0.25">
      <c r="L245" s="163"/>
      <c r="M245" s="18" t="s">
        <v>85</v>
      </c>
      <c r="N245" s="19" t="s">
        <v>465</v>
      </c>
    </row>
    <row r="246" spans="12:14" ht="20.25" hidden="1" customHeight="1" x14ac:dyDescent="0.25">
      <c r="L246" s="163"/>
      <c r="M246" s="18" t="s">
        <v>88</v>
      </c>
      <c r="N246" s="19" t="s">
        <v>318</v>
      </c>
    </row>
    <row r="247" spans="12:14" ht="20.25" hidden="1" customHeight="1" x14ac:dyDescent="0.25">
      <c r="L247" s="163"/>
      <c r="M247" s="18" t="s">
        <v>90</v>
      </c>
      <c r="N247" s="19" t="s">
        <v>468</v>
      </c>
    </row>
    <row r="248" spans="12:14" ht="20.25" hidden="1" customHeight="1" x14ac:dyDescent="0.25">
      <c r="L248" s="163"/>
      <c r="M248" s="18" t="s">
        <v>114</v>
      </c>
      <c r="N248" s="19" t="s">
        <v>375</v>
      </c>
    </row>
    <row r="249" spans="12:14" ht="20.25" hidden="1" customHeight="1" x14ac:dyDescent="0.25">
      <c r="L249" s="163"/>
      <c r="M249" s="21" t="s">
        <v>93</v>
      </c>
      <c r="N249" s="22" t="s">
        <v>94</v>
      </c>
    </row>
    <row r="250" spans="12:14" ht="20.25" hidden="1" customHeight="1" x14ac:dyDescent="0.25">
      <c r="L250" s="163" t="s">
        <v>870</v>
      </c>
      <c r="M250" s="24" t="s">
        <v>65</v>
      </c>
      <c r="N250" s="25" t="s">
        <v>471</v>
      </c>
    </row>
    <row r="251" spans="12:14" ht="20.25" hidden="1" customHeight="1" x14ac:dyDescent="0.25">
      <c r="L251" s="163"/>
      <c r="M251" s="18" t="s">
        <v>70</v>
      </c>
      <c r="N251" s="19" t="s">
        <v>475</v>
      </c>
    </row>
    <row r="252" spans="12:14" ht="20.25" hidden="1" customHeight="1" x14ac:dyDescent="0.25">
      <c r="L252" s="163"/>
      <c r="M252" s="21" t="s">
        <v>93</v>
      </c>
      <c r="N252" s="22" t="s">
        <v>94</v>
      </c>
    </row>
    <row r="253" spans="12:14" ht="20.25" hidden="1" customHeight="1" x14ac:dyDescent="0.25">
      <c r="L253" s="164" t="s">
        <v>871</v>
      </c>
      <c r="M253" s="15" t="s">
        <v>65</v>
      </c>
      <c r="N253" s="16" t="s">
        <v>478</v>
      </c>
    </row>
    <row r="254" spans="12:14" ht="20.25" hidden="1" customHeight="1" x14ac:dyDescent="0.25">
      <c r="L254" s="165"/>
      <c r="M254" s="18" t="s">
        <v>70</v>
      </c>
      <c r="N254" s="19" t="s">
        <v>481</v>
      </c>
    </row>
    <row r="255" spans="12:14" ht="20.25" hidden="1" customHeight="1" x14ac:dyDescent="0.25">
      <c r="L255" s="165"/>
      <c r="M255" s="18" t="s">
        <v>73</v>
      </c>
      <c r="N255" s="19" t="s">
        <v>483</v>
      </c>
    </row>
    <row r="256" spans="12:14" ht="20.25" hidden="1" customHeight="1" x14ac:dyDescent="0.25">
      <c r="L256" s="165"/>
      <c r="M256" s="18" t="s">
        <v>76</v>
      </c>
      <c r="N256" s="19" t="s">
        <v>465</v>
      </c>
    </row>
    <row r="257" spans="6:14" ht="20.25" hidden="1" customHeight="1" x14ac:dyDescent="0.25">
      <c r="L257" s="166"/>
      <c r="M257" s="21" t="s">
        <v>93</v>
      </c>
      <c r="N257" s="22" t="s">
        <v>94</v>
      </c>
    </row>
    <row r="258" spans="6:14" ht="20.25" hidden="1" customHeight="1" x14ac:dyDescent="0.25"/>
    <row r="259" spans="6:14" ht="20.25" hidden="1" customHeight="1" x14ac:dyDescent="0.25"/>
    <row r="260" spans="6:14" ht="20.25" hidden="1" customHeight="1" x14ac:dyDescent="0.25"/>
    <row r="263" spans="6:14" ht="20.25" customHeight="1" x14ac:dyDescent="0.25">
      <c r="F263" s="104"/>
    </row>
  </sheetData>
  <dataConsolidate/>
  <mergeCells count="2">
    <mergeCell ref="A2:AI2"/>
    <mergeCell ref="AJ2:AV2"/>
  </mergeCells>
  <phoneticPr fontId="11"/>
  <dataValidations count="6">
    <dataValidation type="list" errorStyle="warning" allowBlank="1" showInputMessage="1" showErrorMessage="1" error="手入力を制限しています。_x000a_プルダウンから選択してください。" sqref="A4:A20" xr:uid="{00000000-0002-0000-0100-000000000000}">
      <formula1>"物品,役務"</formula1>
    </dataValidation>
    <dataValidation type="list" allowBlank="1" showInputMessage="1" showErrorMessage="1" sqref="C21:D21" xr:uid="{00000000-0002-0000-0100-000001000000}">
      <formula1>INDIRECT($B$4)</formula1>
    </dataValidation>
    <dataValidation type="list" allowBlank="1" showInputMessage="1" showErrorMessage="1" sqref="B21" xr:uid="{00000000-0002-0000-0100-000002000000}">
      <formula1>中分類</formula1>
    </dataValidation>
    <dataValidation type="list" allowBlank="1" showInputMessage="1" showErrorMessage="1" sqref="B4:D20" xr:uid="{00000000-0002-0000-0100-000003000000}">
      <formula1>INDIRECT(A4)</formula1>
    </dataValidation>
    <dataValidation type="list" allowBlank="1" showInputMessage="1" showErrorMessage="1" sqref="A21" xr:uid="{00000000-0002-0000-0100-000004000000}">
      <formula1>"物品,役務"</formula1>
    </dataValidation>
    <dataValidation type="list" allowBlank="1" showInputMessage="1" sqref="F4:F21 D4:D21" xr:uid="{00000000-0002-0000-0100-000005000000}">
      <formula1>"○,×,-"</formula1>
    </dataValidation>
  </dataValidations>
  <printOptions horizontalCentered="1"/>
  <pageMargins left="0.23622047244094491" right="0.23622047244094491" top="0.74803149606299213" bottom="0.74803149606299213" header="0.31496062992125984" footer="0.31496062992125984"/>
  <pageSetup paperSize="8" scale="31" orientation="landscape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00000000-0002-0000-0100-000006000000}">
          <x14:formula1>
            <xm:f>プルダウンリスト!$A$12:$A$18</xm:f>
          </x14:formula1>
          <xm:sqref>AO4:AR20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3:Z38"/>
  <sheetViews>
    <sheetView zoomScale="90" zoomScaleNormal="90" workbookViewId="0">
      <selection activeCell="X37" sqref="X37"/>
    </sheetView>
  </sheetViews>
  <sheetFormatPr defaultRowHeight="13.3" x14ac:dyDescent="0.25"/>
  <cols>
    <col min="5" max="6" width="10.84375" style="110" customWidth="1"/>
    <col min="7" max="26" width="8.84375" style="110"/>
  </cols>
  <sheetData>
    <row r="3" spans="1:26" x14ac:dyDescent="0.25">
      <c r="A3" t="s">
        <v>993</v>
      </c>
      <c r="E3" s="192" t="s">
        <v>993</v>
      </c>
      <c r="F3" s="192"/>
      <c r="G3" s="192"/>
      <c r="H3" s="192"/>
      <c r="I3" s="192"/>
      <c r="J3" s="192"/>
      <c r="K3" s="192"/>
      <c r="L3" s="192"/>
      <c r="M3" s="192"/>
      <c r="N3" s="192"/>
      <c r="O3" s="192"/>
      <c r="P3" s="192"/>
      <c r="Q3" s="192"/>
      <c r="R3" s="192"/>
      <c r="S3" s="192"/>
      <c r="T3" s="192"/>
      <c r="U3" s="192"/>
      <c r="V3" s="192"/>
      <c r="W3" s="192"/>
      <c r="X3" s="192"/>
      <c r="Y3" s="192"/>
      <c r="Z3" s="192"/>
    </row>
    <row r="4" spans="1:26" ht="13.2" customHeight="1" x14ac:dyDescent="0.25">
      <c r="A4" t="s">
        <v>992</v>
      </c>
      <c r="E4" s="112" t="s">
        <v>1084</v>
      </c>
      <c r="F4" s="113" t="s">
        <v>456</v>
      </c>
      <c r="G4" s="112" t="s">
        <v>1086</v>
      </c>
      <c r="H4" s="113" t="s">
        <v>1166</v>
      </c>
      <c r="I4" s="113" t="s">
        <v>1167</v>
      </c>
      <c r="J4" s="113" t="s">
        <v>1168</v>
      </c>
      <c r="K4" s="113" t="s">
        <v>1169</v>
      </c>
      <c r="L4" s="113" t="s">
        <v>1170</v>
      </c>
      <c r="M4" s="113" t="s">
        <v>1171</v>
      </c>
      <c r="N4" s="113" t="s">
        <v>1172</v>
      </c>
      <c r="O4" s="113" t="s">
        <v>1173</v>
      </c>
      <c r="P4" s="112" t="s">
        <v>1095</v>
      </c>
      <c r="Q4" s="113" t="s">
        <v>1174</v>
      </c>
      <c r="R4" s="113" t="s">
        <v>1175</v>
      </c>
      <c r="S4" s="113" t="s">
        <v>1176</v>
      </c>
      <c r="T4" s="112" t="s">
        <v>999</v>
      </c>
      <c r="U4" s="113" t="s">
        <v>1177</v>
      </c>
      <c r="V4" s="113" t="s">
        <v>1178</v>
      </c>
      <c r="W4" s="113" t="s">
        <v>1179</v>
      </c>
      <c r="X4" s="113" t="s">
        <v>454</v>
      </c>
      <c r="Y4" s="112" t="s">
        <v>997</v>
      </c>
      <c r="Z4" s="112" t="s">
        <v>998</v>
      </c>
    </row>
    <row r="5" spans="1:26" ht="13.2" customHeight="1" x14ac:dyDescent="0.25">
      <c r="E5" s="114" t="s">
        <v>1006</v>
      </c>
      <c r="F5" s="114" t="s">
        <v>1008</v>
      </c>
      <c r="G5" s="114" t="s">
        <v>1102</v>
      </c>
      <c r="H5" s="115" t="s">
        <v>1010</v>
      </c>
      <c r="I5" s="114" t="s">
        <v>1013</v>
      </c>
      <c r="J5" s="114" t="s">
        <v>462</v>
      </c>
      <c r="K5" s="114" t="s">
        <v>1017</v>
      </c>
      <c r="L5" s="114" t="s">
        <v>1022</v>
      </c>
      <c r="M5" s="114" t="s">
        <v>1025</v>
      </c>
      <c r="N5" s="114" t="s">
        <v>1027</v>
      </c>
      <c r="O5" s="114" t="s">
        <v>1030</v>
      </c>
      <c r="P5" s="114" t="s">
        <v>1103</v>
      </c>
      <c r="Q5" s="114" t="s">
        <v>1034</v>
      </c>
      <c r="R5" s="114" t="s">
        <v>1036</v>
      </c>
      <c r="S5" s="114" t="s">
        <v>1038</v>
      </c>
      <c r="T5" s="114" t="s">
        <v>1104</v>
      </c>
      <c r="U5" s="114" t="s">
        <v>1039</v>
      </c>
      <c r="V5" s="114" t="s">
        <v>1042</v>
      </c>
      <c r="W5" s="114" t="s">
        <v>445</v>
      </c>
      <c r="X5" s="114" t="s">
        <v>86</v>
      </c>
      <c r="Y5" s="114" t="s">
        <v>470</v>
      </c>
      <c r="Z5" s="114" t="s">
        <v>478</v>
      </c>
    </row>
    <row r="6" spans="1:26" ht="13.2" customHeight="1" x14ac:dyDescent="0.25">
      <c r="E6" s="114" t="s">
        <v>1007</v>
      </c>
      <c r="F6" s="114" t="s">
        <v>1009</v>
      </c>
      <c r="G6" s="114"/>
      <c r="H6" s="114" t="s">
        <v>1011</v>
      </c>
      <c r="I6" s="114" t="s">
        <v>178</v>
      </c>
      <c r="J6" s="114" t="s">
        <v>1014</v>
      </c>
      <c r="K6" s="114" t="s">
        <v>1018</v>
      </c>
      <c r="L6" s="114" t="s">
        <v>275</v>
      </c>
      <c r="M6" s="114" t="s">
        <v>1026</v>
      </c>
      <c r="N6" s="114" t="s">
        <v>1028</v>
      </c>
      <c r="O6" s="114" t="s">
        <v>338</v>
      </c>
      <c r="P6" s="114"/>
      <c r="Q6" s="114" t="s">
        <v>1035</v>
      </c>
      <c r="R6" s="114" t="s">
        <v>1037</v>
      </c>
      <c r="S6" s="114" t="s">
        <v>382</v>
      </c>
      <c r="T6" s="114"/>
      <c r="U6" s="114" t="s">
        <v>1040</v>
      </c>
      <c r="V6" s="114" t="s">
        <v>415</v>
      </c>
      <c r="W6" s="114" t="s">
        <v>448</v>
      </c>
      <c r="X6" s="114" t="s">
        <v>456</v>
      </c>
      <c r="Y6" s="114"/>
      <c r="Z6" s="114" t="s">
        <v>1049</v>
      </c>
    </row>
    <row r="7" spans="1:26" ht="13.2" customHeight="1" x14ac:dyDescent="0.25">
      <c r="E7" s="114" t="s">
        <v>91</v>
      </c>
      <c r="F7" s="114"/>
      <c r="G7" s="114"/>
      <c r="H7" s="114" t="s">
        <v>161</v>
      </c>
      <c r="I7" s="114"/>
      <c r="J7" s="114" t="s">
        <v>1015</v>
      </c>
      <c r="K7" s="114" t="s">
        <v>1019</v>
      </c>
      <c r="L7" s="114" t="s">
        <v>1024</v>
      </c>
      <c r="M7" s="114" t="s">
        <v>301</v>
      </c>
      <c r="N7" s="114" t="s">
        <v>1029</v>
      </c>
      <c r="O7" s="114" t="s">
        <v>1031</v>
      </c>
      <c r="P7" s="114"/>
      <c r="Q7" s="114"/>
      <c r="R7" s="114"/>
      <c r="S7" s="114"/>
      <c r="T7" s="114"/>
      <c r="U7" s="114" t="s">
        <v>1041</v>
      </c>
      <c r="V7" s="114" t="s">
        <v>1044</v>
      </c>
      <c r="W7" s="114" t="s">
        <v>451</v>
      </c>
      <c r="X7" s="114" t="s">
        <v>1046</v>
      </c>
      <c r="Y7" s="114"/>
      <c r="Z7" s="114" t="s">
        <v>1050</v>
      </c>
    </row>
    <row r="8" spans="1:26" ht="13.2" customHeight="1" x14ac:dyDescent="0.25">
      <c r="E8" s="114"/>
      <c r="F8" s="114"/>
      <c r="G8" s="114"/>
      <c r="H8" s="114" t="s">
        <v>164</v>
      </c>
      <c r="I8" s="114"/>
      <c r="J8" s="114" t="s">
        <v>785</v>
      </c>
      <c r="K8" s="114" t="s">
        <v>1020</v>
      </c>
      <c r="L8" s="114" t="s">
        <v>281</v>
      </c>
      <c r="M8" s="114" t="s">
        <v>297</v>
      </c>
      <c r="N8" s="114" t="s">
        <v>313</v>
      </c>
      <c r="O8" s="114" t="s">
        <v>340</v>
      </c>
      <c r="P8" s="114"/>
      <c r="Q8" s="114"/>
      <c r="R8" s="114"/>
      <c r="S8" s="114"/>
      <c r="T8" s="114"/>
      <c r="U8" s="114" t="s">
        <v>405</v>
      </c>
      <c r="V8" s="114" t="s">
        <v>1045</v>
      </c>
      <c r="W8" s="114" t="s">
        <v>94</v>
      </c>
      <c r="X8" s="114" t="s">
        <v>1013</v>
      </c>
      <c r="Y8" s="114"/>
      <c r="Z8" s="114" t="s">
        <v>94</v>
      </c>
    </row>
    <row r="9" spans="1:26" ht="13.2" customHeight="1" x14ac:dyDescent="0.25">
      <c r="E9" s="114"/>
      <c r="F9" s="114"/>
      <c r="G9" s="114"/>
      <c r="H9" s="114" t="s">
        <v>1012</v>
      </c>
      <c r="I9" s="114"/>
      <c r="J9" s="114" t="s">
        <v>1016</v>
      </c>
      <c r="K9" s="114" t="s">
        <v>1021</v>
      </c>
      <c r="L9" s="114"/>
      <c r="M9" s="114" t="s">
        <v>303</v>
      </c>
      <c r="N9" s="114"/>
      <c r="O9" s="114" t="s">
        <v>342</v>
      </c>
      <c r="P9" s="114"/>
      <c r="Q9" s="114"/>
      <c r="R9" s="114"/>
      <c r="S9" s="114"/>
      <c r="T9" s="114"/>
      <c r="U9" s="114"/>
      <c r="V9" s="114"/>
      <c r="W9" s="114"/>
      <c r="X9" s="114" t="s">
        <v>1047</v>
      </c>
      <c r="Y9" s="114"/>
      <c r="Z9" s="114"/>
    </row>
    <row r="10" spans="1:26" x14ac:dyDescent="0.25">
      <c r="E10" s="114"/>
      <c r="F10" s="114"/>
      <c r="G10" s="114"/>
      <c r="H10" s="114"/>
      <c r="I10" s="114"/>
      <c r="J10" s="114"/>
      <c r="K10" s="114" t="s">
        <v>228</v>
      </c>
      <c r="L10" s="114"/>
      <c r="M10" s="114"/>
      <c r="N10" s="114"/>
      <c r="O10" s="114" t="s">
        <v>343</v>
      </c>
      <c r="P10" s="114"/>
      <c r="Q10" s="114"/>
      <c r="R10" s="114"/>
      <c r="S10" s="114"/>
      <c r="T10" s="114"/>
      <c r="U10" s="114"/>
      <c r="V10" s="114"/>
      <c r="W10" s="114"/>
      <c r="X10" s="114" t="s">
        <v>228</v>
      </c>
      <c r="Y10" s="114"/>
      <c r="Z10" s="114"/>
    </row>
    <row r="11" spans="1:26" x14ac:dyDescent="0.25">
      <c r="A11" s="109" t="s">
        <v>1077</v>
      </c>
      <c r="B11" s="109"/>
      <c r="C11" s="109"/>
      <c r="E11" s="114"/>
      <c r="F11" s="114"/>
      <c r="G11" s="114"/>
      <c r="H11" s="114"/>
      <c r="I11" s="114"/>
      <c r="J11" s="114"/>
      <c r="K11" s="114"/>
      <c r="L11" s="114"/>
      <c r="M11" s="114"/>
      <c r="N11" s="114"/>
      <c r="O11" s="114" t="s">
        <v>1032</v>
      </c>
      <c r="P11" s="114"/>
      <c r="Q11" s="114"/>
      <c r="R11" s="114"/>
      <c r="S11" s="114"/>
      <c r="T11" s="114"/>
      <c r="U11" s="114"/>
      <c r="V11" s="114"/>
      <c r="W11" s="114"/>
      <c r="X11" s="114" t="s">
        <v>1023</v>
      </c>
      <c r="Y11" s="114"/>
      <c r="Z11" s="114"/>
    </row>
    <row r="12" spans="1:26" x14ac:dyDescent="0.25">
      <c r="A12" t="s">
        <v>1078</v>
      </c>
      <c r="E12" s="114"/>
      <c r="F12" s="114"/>
      <c r="G12" s="114"/>
      <c r="H12" s="114"/>
      <c r="I12" s="114"/>
      <c r="J12" s="114"/>
      <c r="K12" s="114"/>
      <c r="L12" s="114"/>
      <c r="M12" s="114"/>
      <c r="N12" s="114"/>
      <c r="O12" s="114" t="s">
        <v>1033</v>
      </c>
      <c r="P12" s="114"/>
      <c r="Q12" s="114"/>
      <c r="R12" s="114"/>
      <c r="S12" s="114"/>
      <c r="T12" s="114"/>
      <c r="U12" s="114"/>
      <c r="V12" s="114"/>
      <c r="W12" s="114"/>
      <c r="X12" s="114" t="s">
        <v>1048</v>
      </c>
      <c r="Y12" s="114"/>
      <c r="Z12" s="114"/>
    </row>
    <row r="13" spans="1:26" x14ac:dyDescent="0.25">
      <c r="A13" t="s">
        <v>1079</v>
      </c>
      <c r="E13" s="114"/>
      <c r="F13" s="114"/>
      <c r="G13" s="114"/>
      <c r="H13" s="114"/>
      <c r="I13" s="114"/>
      <c r="J13" s="114"/>
      <c r="K13" s="114"/>
      <c r="L13" s="114"/>
      <c r="M13" s="114"/>
      <c r="N13" s="114"/>
      <c r="O13" s="114"/>
      <c r="P13" s="114"/>
      <c r="Q13" s="114"/>
      <c r="R13" s="114"/>
      <c r="S13" s="114"/>
      <c r="T13" s="114"/>
      <c r="U13" s="114"/>
      <c r="V13" s="114"/>
      <c r="W13" s="114"/>
      <c r="X13" s="114" t="s">
        <v>1043</v>
      </c>
      <c r="Y13" s="114"/>
      <c r="Z13" s="114"/>
    </row>
    <row r="14" spans="1:26" x14ac:dyDescent="0.25">
      <c r="A14" t="s">
        <v>1080</v>
      </c>
      <c r="E14" s="114"/>
      <c r="F14" s="114"/>
      <c r="G14" s="114"/>
      <c r="H14" s="114"/>
      <c r="I14" s="114"/>
      <c r="J14" s="114"/>
      <c r="K14" s="114"/>
      <c r="L14" s="114"/>
      <c r="M14" s="114"/>
      <c r="N14" s="114"/>
      <c r="O14" s="114"/>
      <c r="P14" s="114"/>
      <c r="Q14" s="114"/>
      <c r="R14" s="114"/>
      <c r="S14" s="114"/>
      <c r="T14" s="114"/>
      <c r="U14" s="114"/>
      <c r="V14" s="114"/>
      <c r="W14" s="114"/>
      <c r="X14" s="114" t="s">
        <v>94</v>
      </c>
      <c r="Y14" s="114"/>
      <c r="Z14" s="114"/>
    </row>
    <row r="15" spans="1:26" x14ac:dyDescent="0.25">
      <c r="A15" t="s">
        <v>1081</v>
      </c>
    </row>
    <row r="16" spans="1:26" x14ac:dyDescent="0.25">
      <c r="A16" t="s">
        <v>1082</v>
      </c>
      <c r="E16" s="116" t="s">
        <v>993</v>
      </c>
      <c r="F16" s="116" t="s">
        <v>992</v>
      </c>
      <c r="I16" s="192" t="s">
        <v>992</v>
      </c>
      <c r="J16" s="192"/>
      <c r="K16" s="192"/>
      <c r="L16" s="192"/>
      <c r="M16" s="192"/>
      <c r="N16" s="192"/>
      <c r="O16" s="192"/>
      <c r="P16" s="192"/>
      <c r="Q16" s="192"/>
      <c r="R16" s="192"/>
      <c r="S16" s="192"/>
    </row>
    <row r="17" spans="1:19" x14ac:dyDescent="0.25">
      <c r="A17" t="s">
        <v>1083</v>
      </c>
      <c r="E17" s="114" t="s">
        <v>1084</v>
      </c>
      <c r="F17" s="114" t="s">
        <v>489</v>
      </c>
      <c r="I17" s="113" t="s">
        <v>489</v>
      </c>
      <c r="J17" s="113" t="s">
        <v>1180</v>
      </c>
      <c r="K17" s="113" t="s">
        <v>875</v>
      </c>
      <c r="L17" s="113" t="s">
        <v>876</v>
      </c>
      <c r="M17" s="113" t="s">
        <v>669</v>
      </c>
      <c r="N17" s="113" t="s">
        <v>877</v>
      </c>
      <c r="O17" s="113" t="s">
        <v>1051</v>
      </c>
      <c r="P17" s="113" t="s">
        <v>762</v>
      </c>
      <c r="Q17" s="113" t="s">
        <v>773</v>
      </c>
      <c r="R17" s="113" t="s">
        <v>878</v>
      </c>
      <c r="S17" s="113" t="s">
        <v>94</v>
      </c>
    </row>
    <row r="18" spans="1:19" x14ac:dyDescent="0.25">
      <c r="A18" t="s">
        <v>94</v>
      </c>
      <c r="E18" s="114" t="s">
        <v>1085</v>
      </c>
      <c r="F18" s="114" t="s">
        <v>1180</v>
      </c>
      <c r="I18" s="114" t="s">
        <v>1053</v>
      </c>
      <c r="J18" s="114" t="s">
        <v>1114</v>
      </c>
      <c r="K18" s="114" t="s">
        <v>1059</v>
      </c>
      <c r="L18" s="114" t="s">
        <v>1147</v>
      </c>
      <c r="M18" s="114" t="s">
        <v>1060</v>
      </c>
      <c r="N18" s="114" t="s">
        <v>1061</v>
      </c>
      <c r="O18" s="114" t="s">
        <v>1062</v>
      </c>
      <c r="P18" s="114" t="s">
        <v>1126</v>
      </c>
      <c r="Q18" s="114" t="s">
        <v>1066</v>
      </c>
      <c r="R18" s="114" t="s">
        <v>1068</v>
      </c>
      <c r="S18" s="114" t="s">
        <v>1148</v>
      </c>
    </row>
    <row r="19" spans="1:19" x14ac:dyDescent="0.25">
      <c r="E19" s="114" t="s">
        <v>1086</v>
      </c>
      <c r="F19" s="114" t="s">
        <v>875</v>
      </c>
      <c r="I19" s="114" t="s">
        <v>1105</v>
      </c>
      <c r="J19" s="114" t="s">
        <v>1116</v>
      </c>
      <c r="K19" s="114" t="s">
        <v>1140</v>
      </c>
      <c r="L19" s="114" t="s">
        <v>1149</v>
      </c>
      <c r="M19" s="114" t="s">
        <v>1160</v>
      </c>
      <c r="N19" s="114" t="s">
        <v>1106</v>
      </c>
      <c r="O19" s="114" t="s">
        <v>1115</v>
      </c>
      <c r="P19" s="114" t="s">
        <v>1128</v>
      </c>
      <c r="Q19" s="114" t="s">
        <v>1067</v>
      </c>
      <c r="R19" s="114" t="s">
        <v>1141</v>
      </c>
      <c r="S19" s="114" t="s">
        <v>1150</v>
      </c>
    </row>
    <row r="20" spans="1:19" x14ac:dyDescent="0.25">
      <c r="E20" s="114" t="s">
        <v>1087</v>
      </c>
      <c r="F20" s="114" t="s">
        <v>876</v>
      </c>
      <c r="I20" s="114" t="s">
        <v>1107</v>
      </c>
      <c r="J20" s="114" t="s">
        <v>1056</v>
      </c>
      <c r="K20" s="114" t="s">
        <v>1142</v>
      </c>
      <c r="L20" s="114" t="s">
        <v>1151</v>
      </c>
      <c r="M20" s="114" t="s">
        <v>1161</v>
      </c>
      <c r="N20" s="114" t="s">
        <v>1108</v>
      </c>
      <c r="O20" s="114" t="s">
        <v>1063</v>
      </c>
      <c r="P20" s="114" t="s">
        <v>1130</v>
      </c>
      <c r="Q20" s="114" t="s">
        <v>1139</v>
      </c>
      <c r="R20" s="114" t="s">
        <v>1069</v>
      </c>
      <c r="S20" s="114" t="s">
        <v>1152</v>
      </c>
    </row>
    <row r="21" spans="1:19" x14ac:dyDescent="0.25">
      <c r="E21" s="114" t="s">
        <v>1088</v>
      </c>
      <c r="F21" s="114" t="s">
        <v>669</v>
      </c>
      <c r="I21" s="114" t="s">
        <v>1109</v>
      </c>
      <c r="J21" s="114" t="s">
        <v>1118</v>
      </c>
      <c r="K21" s="114" t="s">
        <v>1143</v>
      </c>
      <c r="L21" s="114" t="s">
        <v>1153</v>
      </c>
      <c r="M21" s="114" t="s">
        <v>1163</v>
      </c>
      <c r="N21" s="114" t="s">
        <v>1182</v>
      </c>
      <c r="O21" s="114" t="s">
        <v>1117</v>
      </c>
      <c r="P21" s="114" t="s">
        <v>1132</v>
      </c>
      <c r="Q21" s="114" t="s">
        <v>1052</v>
      </c>
      <c r="R21" s="114" t="s">
        <v>1144</v>
      </c>
      <c r="S21" s="114" t="s">
        <v>1154</v>
      </c>
    </row>
    <row r="22" spans="1:19" x14ac:dyDescent="0.25">
      <c r="E22" s="114" t="s">
        <v>1089</v>
      </c>
      <c r="F22" s="114" t="s">
        <v>877</v>
      </c>
      <c r="I22" s="114" t="s">
        <v>1054</v>
      </c>
      <c r="J22" s="114" t="s">
        <v>1119</v>
      </c>
      <c r="K22" s="114" t="s">
        <v>1145</v>
      </c>
      <c r="L22" s="114" t="s">
        <v>1155</v>
      </c>
      <c r="M22" s="114" t="s">
        <v>1164</v>
      </c>
      <c r="N22" s="114" t="s">
        <v>1000</v>
      </c>
      <c r="O22" s="114" t="s">
        <v>1064</v>
      </c>
      <c r="P22" s="114" t="s">
        <v>1134</v>
      </c>
      <c r="Q22" s="114"/>
      <c r="R22" s="114" t="s">
        <v>1146</v>
      </c>
      <c r="S22" s="114" t="s">
        <v>1156</v>
      </c>
    </row>
    <row r="23" spans="1:19" x14ac:dyDescent="0.25">
      <c r="E23" s="114" t="s">
        <v>1090</v>
      </c>
      <c r="F23" s="114" t="s">
        <v>1051</v>
      </c>
      <c r="I23" s="114" t="s">
        <v>1110</v>
      </c>
      <c r="J23" s="114" t="s">
        <v>1057</v>
      </c>
      <c r="K23" s="114" t="s">
        <v>1052</v>
      </c>
      <c r="L23" s="114" t="s">
        <v>1052</v>
      </c>
      <c r="M23" s="114" t="s">
        <v>1165</v>
      </c>
      <c r="N23" s="114" t="s">
        <v>1111</v>
      </c>
      <c r="O23" s="114" t="s">
        <v>1120</v>
      </c>
      <c r="P23" s="114" t="s">
        <v>1052</v>
      </c>
      <c r="Q23" s="114"/>
      <c r="R23" s="114" t="s">
        <v>1052</v>
      </c>
      <c r="S23" s="114" t="s">
        <v>1157</v>
      </c>
    </row>
    <row r="24" spans="1:19" x14ac:dyDescent="0.25">
      <c r="E24" s="114" t="s">
        <v>1091</v>
      </c>
      <c r="F24" s="114" t="s">
        <v>762</v>
      </c>
      <c r="I24" s="114" t="s">
        <v>1112</v>
      </c>
      <c r="J24" s="114" t="s">
        <v>1122</v>
      </c>
      <c r="K24" s="114"/>
      <c r="L24" s="114"/>
      <c r="M24" s="114" t="s">
        <v>1181</v>
      </c>
      <c r="N24" s="114" t="s">
        <v>1113</v>
      </c>
      <c r="O24" s="114" t="s">
        <v>1121</v>
      </c>
      <c r="P24" s="114"/>
      <c r="Q24" s="114"/>
      <c r="R24" s="114"/>
      <c r="S24" s="114" t="s">
        <v>1158</v>
      </c>
    </row>
    <row r="25" spans="1:19" x14ac:dyDescent="0.25">
      <c r="E25" s="114" t="s">
        <v>1092</v>
      </c>
      <c r="F25" s="114" t="s">
        <v>773</v>
      </c>
      <c r="I25" s="114" t="s">
        <v>1055</v>
      </c>
      <c r="J25" s="114" t="s">
        <v>1123</v>
      </c>
      <c r="K25" s="114"/>
      <c r="L25" s="114"/>
      <c r="M25" s="114" t="s">
        <v>1052</v>
      </c>
      <c r="N25" s="114" t="s">
        <v>1052</v>
      </c>
      <c r="O25" s="114" t="s">
        <v>1065</v>
      </c>
      <c r="P25" s="114"/>
      <c r="Q25" s="114"/>
      <c r="R25" s="114"/>
      <c r="S25" s="114" t="s">
        <v>1159</v>
      </c>
    </row>
    <row r="26" spans="1:19" x14ac:dyDescent="0.25">
      <c r="E26" s="114" t="s">
        <v>1093</v>
      </c>
      <c r="F26" s="114" t="s">
        <v>878</v>
      </c>
      <c r="I26" s="114" t="s">
        <v>1052</v>
      </c>
      <c r="J26" s="114" t="s">
        <v>1124</v>
      </c>
      <c r="K26" s="114"/>
      <c r="L26" s="114"/>
      <c r="M26" s="114"/>
      <c r="N26" s="114"/>
      <c r="O26" s="114" t="s">
        <v>1052</v>
      </c>
      <c r="P26" s="114"/>
      <c r="Q26" s="114"/>
      <c r="R26" s="114"/>
      <c r="S26" s="114" t="s">
        <v>1070</v>
      </c>
    </row>
    <row r="27" spans="1:19" x14ac:dyDescent="0.25">
      <c r="E27" s="114" t="s">
        <v>1094</v>
      </c>
      <c r="F27" s="114" t="s">
        <v>94</v>
      </c>
      <c r="I27" s="114"/>
      <c r="J27" s="114" t="s">
        <v>1125</v>
      </c>
      <c r="K27" s="114"/>
      <c r="L27" s="114"/>
      <c r="M27" s="114"/>
      <c r="N27" s="114"/>
      <c r="O27" s="114"/>
      <c r="P27" s="114"/>
      <c r="Q27" s="114"/>
      <c r="R27" s="114"/>
      <c r="S27" s="114" t="s">
        <v>1162</v>
      </c>
    </row>
    <row r="28" spans="1:19" x14ac:dyDescent="0.25">
      <c r="E28" s="114" t="s">
        <v>1095</v>
      </c>
      <c r="F28" s="114"/>
      <c r="I28" s="114"/>
      <c r="J28" s="114" t="s">
        <v>1127</v>
      </c>
      <c r="K28" s="114"/>
      <c r="L28" s="114"/>
      <c r="M28" s="114"/>
      <c r="N28" s="114"/>
      <c r="O28" s="114"/>
      <c r="P28" s="114"/>
      <c r="Q28" s="114"/>
      <c r="R28" s="114"/>
      <c r="S28" s="114" t="s">
        <v>1183</v>
      </c>
    </row>
    <row r="29" spans="1:19" x14ac:dyDescent="0.25">
      <c r="E29" s="114" t="s">
        <v>1096</v>
      </c>
      <c r="F29" s="114"/>
      <c r="I29" s="114"/>
      <c r="J29" s="114" t="s">
        <v>1129</v>
      </c>
      <c r="K29" s="114"/>
      <c r="L29" s="114"/>
      <c r="M29" s="114"/>
      <c r="N29" s="114"/>
      <c r="O29" s="114"/>
      <c r="P29" s="114"/>
      <c r="Q29" s="114"/>
      <c r="R29" s="114"/>
      <c r="S29" s="114" t="s">
        <v>1071</v>
      </c>
    </row>
    <row r="30" spans="1:19" x14ac:dyDescent="0.25">
      <c r="E30" s="114" t="s">
        <v>1097</v>
      </c>
      <c r="F30" s="114"/>
      <c r="I30" s="114"/>
      <c r="J30" s="114" t="s">
        <v>1131</v>
      </c>
      <c r="K30" s="114"/>
      <c r="L30" s="114"/>
      <c r="M30" s="114"/>
      <c r="N30" s="114"/>
      <c r="O30" s="114"/>
      <c r="P30" s="114"/>
      <c r="Q30" s="114"/>
      <c r="R30" s="114"/>
      <c r="S30" s="114" t="s">
        <v>1072</v>
      </c>
    </row>
    <row r="31" spans="1:19" x14ac:dyDescent="0.25">
      <c r="E31" s="114" t="s">
        <v>1098</v>
      </c>
      <c r="F31" s="114"/>
      <c r="I31" s="114"/>
      <c r="J31" s="114" t="s">
        <v>1133</v>
      </c>
      <c r="K31" s="114"/>
      <c r="L31" s="114"/>
      <c r="M31" s="114"/>
      <c r="N31" s="114"/>
      <c r="O31" s="114"/>
      <c r="P31" s="114"/>
      <c r="Q31" s="114"/>
      <c r="R31" s="114"/>
      <c r="S31" s="114" t="s">
        <v>1073</v>
      </c>
    </row>
    <row r="32" spans="1:19" x14ac:dyDescent="0.25">
      <c r="E32" s="114" t="s">
        <v>999</v>
      </c>
      <c r="F32" s="114"/>
      <c r="I32" s="114"/>
      <c r="J32" s="114" t="s">
        <v>1135</v>
      </c>
      <c r="K32" s="114"/>
      <c r="L32" s="114"/>
      <c r="M32" s="114"/>
      <c r="N32" s="114"/>
      <c r="O32" s="114"/>
      <c r="P32" s="114"/>
      <c r="Q32" s="114"/>
      <c r="R32" s="114"/>
      <c r="S32" s="114" t="s">
        <v>1074</v>
      </c>
    </row>
    <row r="33" spans="5:19" x14ac:dyDescent="0.25">
      <c r="E33" s="114" t="s">
        <v>1099</v>
      </c>
      <c r="F33" s="114"/>
      <c r="I33" s="114"/>
      <c r="J33" s="114" t="s">
        <v>1058</v>
      </c>
      <c r="K33" s="114"/>
      <c r="L33" s="114"/>
      <c r="M33" s="114"/>
      <c r="N33" s="114"/>
      <c r="O33" s="114"/>
      <c r="P33" s="114"/>
      <c r="Q33" s="114"/>
      <c r="R33" s="114"/>
      <c r="S33" s="114" t="s">
        <v>1075</v>
      </c>
    </row>
    <row r="34" spans="5:19" x14ac:dyDescent="0.25">
      <c r="E34" s="114" t="s">
        <v>1100</v>
      </c>
      <c r="F34" s="114"/>
      <c r="I34" s="114"/>
      <c r="J34" s="114" t="s">
        <v>1136</v>
      </c>
      <c r="K34" s="114"/>
      <c r="L34" s="114"/>
      <c r="M34" s="114"/>
      <c r="N34" s="114"/>
      <c r="O34" s="114"/>
      <c r="P34" s="114"/>
      <c r="Q34" s="114"/>
      <c r="R34" s="114"/>
      <c r="S34" s="114" t="s">
        <v>1052</v>
      </c>
    </row>
    <row r="35" spans="5:19" x14ac:dyDescent="0.25">
      <c r="E35" s="114" t="s">
        <v>1101</v>
      </c>
      <c r="F35" s="114"/>
      <c r="I35" s="114"/>
      <c r="J35" s="114" t="s">
        <v>1137</v>
      </c>
      <c r="K35" s="114"/>
      <c r="L35" s="114"/>
      <c r="M35" s="114"/>
      <c r="N35" s="114"/>
      <c r="O35" s="114"/>
      <c r="P35" s="114"/>
      <c r="Q35" s="114"/>
      <c r="R35" s="114"/>
      <c r="S35" s="114"/>
    </row>
    <row r="36" spans="5:19" x14ac:dyDescent="0.25">
      <c r="E36" s="114" t="s">
        <v>996</v>
      </c>
      <c r="F36" s="114"/>
      <c r="I36" s="114"/>
      <c r="J36" s="114" t="s">
        <v>1138</v>
      </c>
      <c r="K36" s="114"/>
      <c r="L36" s="114"/>
      <c r="M36" s="114"/>
      <c r="N36" s="114"/>
      <c r="O36" s="114"/>
      <c r="P36" s="114"/>
      <c r="Q36" s="114"/>
      <c r="R36" s="114"/>
      <c r="S36" s="114"/>
    </row>
    <row r="37" spans="5:19" x14ac:dyDescent="0.25">
      <c r="E37" s="114" t="s">
        <v>997</v>
      </c>
      <c r="F37" s="114"/>
      <c r="I37" s="114"/>
      <c r="J37" s="114" t="s">
        <v>1052</v>
      </c>
      <c r="K37" s="114"/>
      <c r="L37" s="114"/>
      <c r="M37" s="114"/>
      <c r="N37" s="114"/>
      <c r="O37" s="114"/>
      <c r="P37" s="114"/>
      <c r="Q37" s="114"/>
      <c r="R37" s="114"/>
      <c r="S37" s="114"/>
    </row>
    <row r="38" spans="5:19" x14ac:dyDescent="0.25">
      <c r="E38" s="114" t="s">
        <v>998</v>
      </c>
      <c r="F38" s="114"/>
    </row>
  </sheetData>
  <mergeCells count="2">
    <mergeCell ref="E3:Z3"/>
    <mergeCell ref="I16:S16"/>
  </mergeCells>
  <phoneticPr fontId="11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2:AA405"/>
  <sheetViews>
    <sheetView topLeftCell="A341" workbookViewId="0">
      <selection activeCell="J20" sqref="J20"/>
    </sheetView>
  </sheetViews>
  <sheetFormatPr defaultRowHeight="13.3" x14ac:dyDescent="0.25"/>
  <cols>
    <col min="2" max="2" width="5.23046875" customWidth="1"/>
    <col min="3" max="3" width="6.61328125" customWidth="1"/>
    <col min="4" max="4" width="4.3828125" customWidth="1"/>
    <col min="5" max="5" width="9" customWidth="1"/>
    <col min="6" max="6" width="21.23046875" customWidth="1"/>
    <col min="7" max="7" width="4.3828125" customWidth="1"/>
    <col min="8" max="9" width="18.15234375" customWidth="1"/>
    <col min="10" max="10" width="43.15234375" customWidth="1"/>
    <col min="11" max="11" width="44.84375" customWidth="1"/>
    <col min="13" max="13" width="23.765625" customWidth="1"/>
    <col min="14" max="14" width="20.61328125" customWidth="1"/>
    <col min="15" max="16" width="16.61328125" customWidth="1"/>
  </cols>
  <sheetData>
    <row r="2" spans="1:14" x14ac:dyDescent="0.25">
      <c r="B2" s="242" t="s">
        <v>60</v>
      </c>
      <c r="C2" s="243"/>
      <c r="D2" s="243"/>
      <c r="E2" s="243"/>
      <c r="F2" s="244"/>
      <c r="G2" s="245" t="s">
        <v>61</v>
      </c>
      <c r="H2" s="246"/>
      <c r="I2" s="247"/>
      <c r="J2" s="242" t="s">
        <v>62</v>
      </c>
      <c r="K2" s="249" t="s">
        <v>63</v>
      </c>
      <c r="M2" t="s">
        <v>867</v>
      </c>
      <c r="N2" t="s">
        <v>868</v>
      </c>
    </row>
    <row r="3" spans="1:14" ht="13.5" customHeight="1" x14ac:dyDescent="0.25">
      <c r="B3" s="14" t="s">
        <v>64</v>
      </c>
      <c r="C3" s="13" t="s">
        <v>3</v>
      </c>
      <c r="D3" s="251" t="s">
        <v>4</v>
      </c>
      <c r="E3" s="252"/>
      <c r="F3" s="14" t="s">
        <v>880</v>
      </c>
      <c r="G3" s="79"/>
      <c r="H3" s="80"/>
      <c r="I3" s="77" t="s">
        <v>881</v>
      </c>
      <c r="J3" s="248"/>
      <c r="K3" s="250"/>
      <c r="M3" t="s">
        <v>835</v>
      </c>
      <c r="N3" t="s">
        <v>839</v>
      </c>
    </row>
    <row r="4" spans="1:14" ht="13.5" customHeight="1" x14ac:dyDescent="0.25">
      <c r="B4" s="253" t="s">
        <v>833</v>
      </c>
      <c r="C4" s="200" t="s">
        <v>831</v>
      </c>
      <c r="D4" s="203" t="s">
        <v>829</v>
      </c>
      <c r="E4" s="212" t="s">
        <v>67</v>
      </c>
      <c r="F4" s="212" t="str">
        <f>D4&amp;E4</f>
        <v>A用紙・文具事務機器</v>
      </c>
      <c r="G4" s="15" t="s">
        <v>65</v>
      </c>
      <c r="H4" s="16" t="s">
        <v>68</v>
      </c>
      <c r="I4" s="16" t="str">
        <f>G4&amp;$A$10&amp;H4</f>
        <v>01　コピー・プリンタ用紙</v>
      </c>
      <c r="J4" s="17" t="s">
        <v>69</v>
      </c>
      <c r="K4" s="240"/>
      <c r="M4" t="s">
        <v>836</v>
      </c>
      <c r="N4" t="s">
        <v>840</v>
      </c>
    </row>
    <row r="5" spans="1:14" x14ac:dyDescent="0.25">
      <c r="B5" s="198"/>
      <c r="C5" s="201"/>
      <c r="D5" s="204"/>
      <c r="E5" s="213"/>
      <c r="F5" s="213"/>
      <c r="G5" s="18" t="s">
        <v>70</v>
      </c>
      <c r="H5" s="19" t="s">
        <v>71</v>
      </c>
      <c r="I5" s="16" t="str">
        <f t="shared" ref="I5:I68" si="0">G5&amp;$A$10&amp;H5</f>
        <v>02　上質・中質・更紙</v>
      </c>
      <c r="J5" s="20" t="s">
        <v>72</v>
      </c>
      <c r="K5" s="236"/>
      <c r="M5" t="s">
        <v>837</v>
      </c>
      <c r="N5" t="s">
        <v>841</v>
      </c>
    </row>
    <row r="6" spans="1:14" ht="13.5" customHeight="1" x14ac:dyDescent="0.25">
      <c r="B6" s="198"/>
      <c r="C6" s="201"/>
      <c r="D6" s="204"/>
      <c r="E6" s="213"/>
      <c r="F6" s="213"/>
      <c r="G6" s="18" t="s">
        <v>73</v>
      </c>
      <c r="H6" s="19" t="s">
        <v>74</v>
      </c>
      <c r="I6" s="16" t="str">
        <f t="shared" si="0"/>
        <v>03　フォーム用紙</v>
      </c>
      <c r="J6" s="20" t="s">
        <v>75</v>
      </c>
      <c r="K6" s="236"/>
      <c r="M6" t="s">
        <v>838</v>
      </c>
      <c r="N6" t="s">
        <v>842</v>
      </c>
    </row>
    <row r="7" spans="1:14" x14ac:dyDescent="0.25">
      <c r="B7" s="198"/>
      <c r="C7" s="201"/>
      <c r="D7" s="204"/>
      <c r="E7" s="213"/>
      <c r="F7" s="213"/>
      <c r="G7" s="18" t="s">
        <v>76</v>
      </c>
      <c r="H7" s="19" t="s">
        <v>77</v>
      </c>
      <c r="I7" s="16" t="str">
        <f t="shared" si="0"/>
        <v>04　ダンボール</v>
      </c>
      <c r="J7" s="20" t="s">
        <v>78</v>
      </c>
      <c r="K7" s="236"/>
      <c r="N7" t="s">
        <v>843</v>
      </c>
    </row>
    <row r="8" spans="1:14" x14ac:dyDescent="0.25">
      <c r="B8" s="198"/>
      <c r="C8" s="201"/>
      <c r="D8" s="204"/>
      <c r="E8" s="213"/>
      <c r="F8" s="213"/>
      <c r="G8" s="18" t="s">
        <v>79</v>
      </c>
      <c r="H8" s="19" t="s">
        <v>80</v>
      </c>
      <c r="I8" s="16" t="str">
        <f t="shared" si="0"/>
        <v>05　その他用紙</v>
      </c>
      <c r="J8" s="20" t="s">
        <v>81</v>
      </c>
      <c r="K8" s="236"/>
      <c r="N8" t="s">
        <v>844</v>
      </c>
    </row>
    <row r="9" spans="1:14" x14ac:dyDescent="0.25">
      <c r="B9" s="198"/>
      <c r="C9" s="201"/>
      <c r="D9" s="204"/>
      <c r="E9" s="213"/>
      <c r="F9" s="213"/>
      <c r="G9" s="18" t="s">
        <v>82</v>
      </c>
      <c r="H9" s="19" t="s">
        <v>83</v>
      </c>
      <c r="I9" s="16" t="str">
        <f t="shared" si="0"/>
        <v>06　文具・事務用品</v>
      </c>
      <c r="J9" s="20" t="s">
        <v>84</v>
      </c>
      <c r="K9" s="236"/>
      <c r="N9" t="s">
        <v>845</v>
      </c>
    </row>
    <row r="10" spans="1:14" x14ac:dyDescent="0.25">
      <c r="A10" t="s">
        <v>850</v>
      </c>
      <c r="B10" s="198"/>
      <c r="C10" s="201"/>
      <c r="D10" s="204"/>
      <c r="E10" s="213"/>
      <c r="F10" s="213"/>
      <c r="G10" s="18" t="s">
        <v>85</v>
      </c>
      <c r="H10" s="19" t="s">
        <v>86</v>
      </c>
      <c r="I10" s="16" t="str">
        <f t="shared" si="0"/>
        <v>07　事務機器</v>
      </c>
      <c r="J10" s="20" t="s">
        <v>87</v>
      </c>
      <c r="K10" s="236"/>
      <c r="N10" t="s">
        <v>846</v>
      </c>
    </row>
    <row r="11" spans="1:14" x14ac:dyDescent="0.25">
      <c r="B11" s="198"/>
      <c r="C11" s="201"/>
      <c r="D11" s="204"/>
      <c r="E11" s="213"/>
      <c r="F11" s="213"/>
      <c r="G11" s="18" t="s">
        <v>88</v>
      </c>
      <c r="H11" s="19" t="s">
        <v>89</v>
      </c>
      <c r="I11" s="16" t="str">
        <f t="shared" si="0"/>
        <v>08　シュレッダー</v>
      </c>
      <c r="J11" s="20"/>
      <c r="K11" s="236"/>
      <c r="N11" t="s">
        <v>847</v>
      </c>
    </row>
    <row r="12" spans="1:14" x14ac:dyDescent="0.25">
      <c r="B12" s="198"/>
      <c r="C12" s="201"/>
      <c r="D12" s="204"/>
      <c r="E12" s="213"/>
      <c r="F12" s="213"/>
      <c r="G12" s="18" t="s">
        <v>90</v>
      </c>
      <c r="H12" s="19" t="s">
        <v>91</v>
      </c>
      <c r="I12" s="16" t="str">
        <f t="shared" si="0"/>
        <v>09　印章・印判</v>
      </c>
      <c r="J12" s="20" t="s">
        <v>92</v>
      </c>
      <c r="K12" s="236"/>
      <c r="N12" t="s">
        <v>848</v>
      </c>
    </row>
    <row r="13" spans="1:14" x14ac:dyDescent="0.25">
      <c r="B13" s="198"/>
      <c r="C13" s="201"/>
      <c r="D13" s="205"/>
      <c r="E13" s="214"/>
      <c r="F13" s="214"/>
      <c r="G13" s="21" t="s">
        <v>93</v>
      </c>
      <c r="H13" s="22" t="s">
        <v>94</v>
      </c>
      <c r="I13" s="16" t="str">
        <f t="shared" si="0"/>
        <v>99　その他</v>
      </c>
      <c r="J13" s="23"/>
      <c r="K13" s="237"/>
      <c r="N13" t="s">
        <v>849</v>
      </c>
    </row>
    <row r="14" spans="1:14" x14ac:dyDescent="0.25">
      <c r="B14" s="198"/>
      <c r="C14" s="201"/>
      <c r="D14" s="203" t="s">
        <v>95</v>
      </c>
      <c r="E14" s="212" t="s">
        <v>96</v>
      </c>
      <c r="F14" s="212" t="str">
        <f>D14&amp;E14</f>
        <v>B家具・室内装飾</v>
      </c>
      <c r="G14" s="15" t="s">
        <v>65</v>
      </c>
      <c r="H14" s="16" t="s">
        <v>97</v>
      </c>
      <c r="I14" s="16" t="str">
        <f t="shared" si="0"/>
        <v>01　スチール家具</v>
      </c>
      <c r="J14" s="17" t="s">
        <v>98</v>
      </c>
      <c r="K14" s="240"/>
    </row>
    <row r="15" spans="1:14" x14ac:dyDescent="0.25">
      <c r="B15" s="198"/>
      <c r="C15" s="201"/>
      <c r="D15" s="204"/>
      <c r="E15" s="213"/>
      <c r="F15" s="213"/>
      <c r="G15" s="18" t="s">
        <v>70</v>
      </c>
      <c r="H15" s="19" t="s">
        <v>99</v>
      </c>
      <c r="I15" s="16" t="str">
        <f t="shared" si="0"/>
        <v>02　木製家具</v>
      </c>
      <c r="J15" s="20" t="s">
        <v>100</v>
      </c>
      <c r="K15" s="236"/>
    </row>
    <row r="16" spans="1:14" x14ac:dyDescent="0.25">
      <c r="B16" s="198"/>
      <c r="C16" s="201"/>
      <c r="D16" s="204"/>
      <c r="E16" s="213"/>
      <c r="F16" s="213"/>
      <c r="G16" s="18" t="s">
        <v>73</v>
      </c>
      <c r="H16" s="19" t="s">
        <v>101</v>
      </c>
      <c r="I16" s="16" t="str">
        <f t="shared" si="0"/>
        <v>03　学校用家具</v>
      </c>
      <c r="J16" s="20" t="s">
        <v>102</v>
      </c>
      <c r="K16" s="236"/>
    </row>
    <row r="17" spans="2:27" x14ac:dyDescent="0.25">
      <c r="B17" s="198"/>
      <c r="C17" s="201"/>
      <c r="D17" s="204"/>
      <c r="E17" s="213"/>
      <c r="F17" s="213"/>
      <c r="G17" s="18" t="s">
        <v>76</v>
      </c>
      <c r="H17" s="19" t="s">
        <v>103</v>
      </c>
      <c r="I17" s="16" t="str">
        <f t="shared" si="0"/>
        <v>04　図書館用家具</v>
      </c>
      <c r="J17" s="20" t="s">
        <v>104</v>
      </c>
      <c r="K17" s="236"/>
      <c r="M17" t="s">
        <v>835</v>
      </c>
      <c r="N17" t="s">
        <v>836</v>
      </c>
      <c r="O17" t="s">
        <v>837</v>
      </c>
      <c r="P17" t="s">
        <v>838</v>
      </c>
      <c r="Q17" t="s">
        <v>839</v>
      </c>
      <c r="R17" t="s">
        <v>840</v>
      </c>
      <c r="S17" t="s">
        <v>841</v>
      </c>
      <c r="T17" t="s">
        <v>842</v>
      </c>
      <c r="U17" t="s">
        <v>843</v>
      </c>
      <c r="V17" t="s">
        <v>844</v>
      </c>
      <c r="W17" t="s">
        <v>845</v>
      </c>
      <c r="X17" t="s">
        <v>846</v>
      </c>
      <c r="Y17" t="s">
        <v>847</v>
      </c>
      <c r="Z17" t="s">
        <v>848</v>
      </c>
      <c r="AA17" t="s">
        <v>849</v>
      </c>
    </row>
    <row r="18" spans="2:27" x14ac:dyDescent="0.25">
      <c r="B18" s="198"/>
      <c r="C18" s="201"/>
      <c r="D18" s="204"/>
      <c r="E18" s="213"/>
      <c r="F18" s="213"/>
      <c r="G18" s="18" t="s">
        <v>79</v>
      </c>
      <c r="H18" s="19" t="s">
        <v>105</v>
      </c>
      <c r="I18" s="16" t="str">
        <f t="shared" si="0"/>
        <v>05　病院用家具</v>
      </c>
      <c r="J18" s="20" t="s">
        <v>106</v>
      </c>
      <c r="K18" s="236"/>
      <c r="M18" t="s">
        <v>882</v>
      </c>
      <c r="N18" t="s">
        <v>869</v>
      </c>
      <c r="O18" t="s">
        <v>870</v>
      </c>
      <c r="P18" t="s">
        <v>871</v>
      </c>
      <c r="Q18" t="s">
        <v>872</v>
      </c>
    </row>
    <row r="19" spans="2:27" x14ac:dyDescent="0.25">
      <c r="B19" s="198"/>
      <c r="C19" s="201"/>
      <c r="D19" s="204"/>
      <c r="E19" s="213"/>
      <c r="F19" s="213"/>
      <c r="G19" s="18" t="s">
        <v>82</v>
      </c>
      <c r="H19" s="19" t="s">
        <v>107</v>
      </c>
      <c r="I19" s="16" t="str">
        <f t="shared" si="0"/>
        <v>06　間仕切り</v>
      </c>
      <c r="J19" s="20" t="s">
        <v>108</v>
      </c>
      <c r="K19" s="236"/>
      <c r="M19" t="s">
        <v>851</v>
      </c>
    </row>
    <row r="20" spans="2:27" x14ac:dyDescent="0.25">
      <c r="B20" s="198"/>
      <c r="C20" s="201"/>
      <c r="D20" s="204"/>
      <c r="E20" s="213"/>
      <c r="F20" s="213"/>
      <c r="G20" s="18" t="s">
        <v>85</v>
      </c>
      <c r="H20" s="19" t="s">
        <v>109</v>
      </c>
      <c r="I20" s="16" t="str">
        <f t="shared" si="0"/>
        <v>07　舞台大道具</v>
      </c>
      <c r="J20" s="20" t="s">
        <v>110</v>
      </c>
      <c r="K20" s="236"/>
      <c r="M20" t="s">
        <v>852</v>
      </c>
    </row>
    <row r="21" spans="2:27" x14ac:dyDescent="0.25">
      <c r="B21" s="198"/>
      <c r="C21" s="201"/>
      <c r="D21" s="204"/>
      <c r="E21" s="213"/>
      <c r="F21" s="213"/>
      <c r="G21" s="18" t="s">
        <v>88</v>
      </c>
      <c r="H21" s="19" t="s">
        <v>111</v>
      </c>
      <c r="I21" s="16" t="str">
        <f t="shared" si="0"/>
        <v>08　その他家具</v>
      </c>
      <c r="J21" s="20"/>
      <c r="K21" s="236"/>
      <c r="M21" t="s">
        <v>853</v>
      </c>
    </row>
    <row r="22" spans="2:27" x14ac:dyDescent="0.25">
      <c r="B22" s="198"/>
      <c r="C22" s="201"/>
      <c r="D22" s="204"/>
      <c r="E22" s="213"/>
      <c r="F22" s="213"/>
      <c r="G22" s="18" t="s">
        <v>90</v>
      </c>
      <c r="H22" s="19" t="s">
        <v>112</v>
      </c>
      <c r="I22" s="16" t="str">
        <f t="shared" si="0"/>
        <v>09　カーテン</v>
      </c>
      <c r="J22" s="20" t="s">
        <v>113</v>
      </c>
      <c r="K22" s="236"/>
      <c r="M22" t="s">
        <v>854</v>
      </c>
    </row>
    <row r="23" spans="2:27" x14ac:dyDescent="0.25">
      <c r="B23" s="198"/>
      <c r="C23" s="201"/>
      <c r="D23" s="204"/>
      <c r="E23" s="213"/>
      <c r="F23" s="213"/>
      <c r="G23" s="18" t="s">
        <v>114</v>
      </c>
      <c r="H23" s="19" t="s">
        <v>115</v>
      </c>
      <c r="I23" s="16" t="str">
        <f t="shared" si="0"/>
        <v>10　じゅうたん</v>
      </c>
      <c r="J23" s="20" t="s">
        <v>116</v>
      </c>
      <c r="K23" s="236"/>
      <c r="M23" t="s">
        <v>855</v>
      </c>
    </row>
    <row r="24" spans="2:27" x14ac:dyDescent="0.25">
      <c r="B24" s="198"/>
      <c r="C24" s="201"/>
      <c r="D24" s="204"/>
      <c r="E24" s="213"/>
      <c r="F24" s="213"/>
      <c r="G24" s="18" t="s">
        <v>117</v>
      </c>
      <c r="H24" s="19" t="s">
        <v>118</v>
      </c>
      <c r="I24" s="16" t="str">
        <f t="shared" si="0"/>
        <v>11　畳</v>
      </c>
      <c r="J24" s="20"/>
      <c r="K24" s="236"/>
      <c r="M24" t="s">
        <v>856</v>
      </c>
    </row>
    <row r="25" spans="2:27" x14ac:dyDescent="0.25">
      <c r="B25" s="198"/>
      <c r="C25" s="201"/>
      <c r="D25" s="204"/>
      <c r="E25" s="213"/>
      <c r="F25" s="213"/>
      <c r="G25" s="18" t="s">
        <v>119</v>
      </c>
      <c r="H25" s="19" t="s">
        <v>120</v>
      </c>
      <c r="I25" s="16" t="str">
        <f t="shared" si="0"/>
        <v>12　壁紙</v>
      </c>
      <c r="J25" s="20"/>
      <c r="K25" s="236"/>
      <c r="M25" t="s">
        <v>857</v>
      </c>
    </row>
    <row r="26" spans="2:27" x14ac:dyDescent="0.25">
      <c r="B26" s="198"/>
      <c r="C26" s="201"/>
      <c r="D26" s="205"/>
      <c r="E26" s="214"/>
      <c r="F26" s="214"/>
      <c r="G26" s="21" t="s">
        <v>93</v>
      </c>
      <c r="H26" s="22" t="s">
        <v>94</v>
      </c>
      <c r="I26" s="16" t="str">
        <f t="shared" si="0"/>
        <v>99　その他</v>
      </c>
      <c r="J26" s="23"/>
      <c r="K26" s="237"/>
      <c r="M26" t="s">
        <v>858</v>
      </c>
    </row>
    <row r="27" spans="2:27" x14ac:dyDescent="0.25">
      <c r="B27" s="198"/>
      <c r="C27" s="201"/>
      <c r="D27" s="203" t="s">
        <v>121</v>
      </c>
      <c r="E27" s="212" t="s">
        <v>122</v>
      </c>
      <c r="F27" s="212" t="str">
        <f>D27&amp;E27</f>
        <v>C印刷</v>
      </c>
      <c r="G27" s="15" t="s">
        <v>65</v>
      </c>
      <c r="H27" s="16" t="s">
        <v>123</v>
      </c>
      <c r="I27" s="16" t="str">
        <f t="shared" si="0"/>
        <v>01　一般印刷</v>
      </c>
      <c r="J27" s="17" t="s">
        <v>124</v>
      </c>
      <c r="K27" s="240"/>
      <c r="M27" t="s">
        <v>859</v>
      </c>
    </row>
    <row r="28" spans="2:27" x14ac:dyDescent="0.25">
      <c r="B28" s="198"/>
      <c r="C28" s="201"/>
      <c r="D28" s="204"/>
      <c r="E28" s="213"/>
      <c r="F28" s="213"/>
      <c r="G28" s="18" t="s">
        <v>70</v>
      </c>
      <c r="H28" s="19" t="s">
        <v>125</v>
      </c>
      <c r="I28" s="16" t="str">
        <f t="shared" si="0"/>
        <v>02　軽印刷</v>
      </c>
      <c r="J28" s="20" t="s">
        <v>126</v>
      </c>
      <c r="K28" s="236"/>
      <c r="M28" t="s">
        <v>860</v>
      </c>
    </row>
    <row r="29" spans="2:27" x14ac:dyDescent="0.25">
      <c r="B29" s="198"/>
      <c r="C29" s="201"/>
      <c r="D29" s="204"/>
      <c r="E29" s="213"/>
      <c r="F29" s="213"/>
      <c r="G29" s="18" t="s">
        <v>73</v>
      </c>
      <c r="H29" s="19" t="s">
        <v>127</v>
      </c>
      <c r="I29" s="16" t="str">
        <f t="shared" si="0"/>
        <v>03　フォーム印刷</v>
      </c>
      <c r="J29" s="20" t="s">
        <v>128</v>
      </c>
      <c r="K29" s="236"/>
      <c r="M29" t="s">
        <v>861</v>
      </c>
    </row>
    <row r="30" spans="2:27" x14ac:dyDescent="0.25">
      <c r="B30" s="198"/>
      <c r="C30" s="201"/>
      <c r="D30" s="204"/>
      <c r="E30" s="213"/>
      <c r="F30" s="213"/>
      <c r="G30" s="18" t="s">
        <v>76</v>
      </c>
      <c r="H30" s="19" t="s">
        <v>129</v>
      </c>
      <c r="I30" s="16" t="str">
        <f t="shared" si="0"/>
        <v>04　特殊印刷</v>
      </c>
      <c r="J30" s="20" t="s">
        <v>130</v>
      </c>
      <c r="K30" s="236"/>
      <c r="M30" t="s">
        <v>862</v>
      </c>
    </row>
    <row r="31" spans="2:27" x14ac:dyDescent="0.25">
      <c r="B31" s="198"/>
      <c r="C31" s="201"/>
      <c r="D31" s="204"/>
      <c r="E31" s="213"/>
      <c r="F31" s="213"/>
      <c r="G31" s="18" t="s">
        <v>79</v>
      </c>
      <c r="H31" s="19" t="s">
        <v>131</v>
      </c>
      <c r="I31" s="16" t="str">
        <f t="shared" si="0"/>
        <v>05　製本</v>
      </c>
      <c r="J31" s="20"/>
      <c r="K31" s="236"/>
      <c r="M31" t="s">
        <v>863</v>
      </c>
    </row>
    <row r="32" spans="2:27" x14ac:dyDescent="0.25">
      <c r="B32" s="198"/>
      <c r="C32" s="201"/>
      <c r="D32" s="204"/>
      <c r="E32" s="213"/>
      <c r="F32" s="213"/>
      <c r="G32" s="18" t="s">
        <v>82</v>
      </c>
      <c r="H32" s="19" t="s">
        <v>132</v>
      </c>
      <c r="I32" s="16" t="str">
        <f t="shared" si="0"/>
        <v>06　複写</v>
      </c>
      <c r="J32" s="20" t="s">
        <v>133</v>
      </c>
      <c r="K32" s="236"/>
      <c r="M32" t="s">
        <v>864</v>
      </c>
    </row>
    <row r="33" spans="2:13" x14ac:dyDescent="0.25">
      <c r="B33" s="198"/>
      <c r="C33" s="201"/>
      <c r="D33" s="205"/>
      <c r="E33" s="214"/>
      <c r="F33" s="214"/>
      <c r="G33" s="21" t="s">
        <v>93</v>
      </c>
      <c r="H33" s="22" t="s">
        <v>94</v>
      </c>
      <c r="I33" s="16" t="str">
        <f t="shared" si="0"/>
        <v>99　その他</v>
      </c>
      <c r="J33" s="23"/>
      <c r="K33" s="237"/>
      <c r="M33" t="s">
        <v>865</v>
      </c>
    </row>
    <row r="34" spans="2:13" x14ac:dyDescent="0.25">
      <c r="B34" s="198"/>
      <c r="C34" s="201"/>
      <c r="D34" s="203" t="s">
        <v>134</v>
      </c>
      <c r="E34" s="212" t="s">
        <v>135</v>
      </c>
      <c r="F34" s="212" t="str">
        <f>D34&amp;E34</f>
        <v>D情報・電気通信機器</v>
      </c>
      <c r="G34" s="15" t="s">
        <v>65</v>
      </c>
      <c r="H34" s="16" t="s">
        <v>136</v>
      </c>
      <c r="I34" s="16" t="str">
        <f t="shared" si="0"/>
        <v>01　パソコン・サーバ</v>
      </c>
      <c r="J34" s="17" t="s">
        <v>137</v>
      </c>
      <c r="K34" s="240"/>
      <c r="M34" t="s">
        <v>866</v>
      </c>
    </row>
    <row r="35" spans="2:13" x14ac:dyDescent="0.25">
      <c r="B35" s="198"/>
      <c r="C35" s="201"/>
      <c r="D35" s="204"/>
      <c r="E35" s="213"/>
      <c r="F35" s="213"/>
      <c r="G35" s="18" t="s">
        <v>70</v>
      </c>
      <c r="H35" s="19" t="s">
        <v>138</v>
      </c>
      <c r="I35" s="16" t="str">
        <f t="shared" si="0"/>
        <v>02　パソコン周辺機器</v>
      </c>
      <c r="J35" s="20" t="s">
        <v>139</v>
      </c>
      <c r="K35" s="236"/>
    </row>
    <row r="36" spans="2:13" x14ac:dyDescent="0.25">
      <c r="B36" s="198"/>
      <c r="C36" s="201"/>
      <c r="D36" s="204"/>
      <c r="E36" s="213"/>
      <c r="F36" s="213"/>
      <c r="G36" s="18" t="s">
        <v>73</v>
      </c>
      <c r="H36" s="19" t="s">
        <v>140</v>
      </c>
      <c r="I36" s="16" t="str">
        <f t="shared" si="0"/>
        <v>03　複写機</v>
      </c>
      <c r="J36" s="20" t="s">
        <v>141</v>
      </c>
      <c r="K36" s="236"/>
    </row>
    <row r="37" spans="2:13" x14ac:dyDescent="0.25">
      <c r="B37" s="198"/>
      <c r="C37" s="201"/>
      <c r="D37" s="204"/>
      <c r="E37" s="213"/>
      <c r="F37" s="213"/>
      <c r="G37" s="18" t="s">
        <v>142</v>
      </c>
      <c r="H37" s="19" t="s">
        <v>143</v>
      </c>
      <c r="I37" s="16" t="str">
        <f t="shared" si="0"/>
        <v>04　ファックス</v>
      </c>
      <c r="J37" s="20"/>
      <c r="K37" s="236"/>
    </row>
    <row r="38" spans="2:13" x14ac:dyDescent="0.25">
      <c r="B38" s="198"/>
      <c r="C38" s="201"/>
      <c r="D38" s="204"/>
      <c r="E38" s="213"/>
      <c r="F38" s="213"/>
      <c r="G38" s="18" t="s">
        <v>79</v>
      </c>
      <c r="H38" s="19" t="s">
        <v>144</v>
      </c>
      <c r="I38" s="16" t="str">
        <f t="shared" si="0"/>
        <v>05　純正トナーカートリッジ</v>
      </c>
      <c r="J38" s="20" t="s">
        <v>145</v>
      </c>
      <c r="K38" s="236"/>
    </row>
    <row r="39" spans="2:13" x14ac:dyDescent="0.25">
      <c r="B39" s="198"/>
      <c r="C39" s="201"/>
      <c r="D39" s="204"/>
      <c r="E39" s="213"/>
      <c r="F39" s="213"/>
      <c r="G39" s="18" t="s">
        <v>82</v>
      </c>
      <c r="H39" s="19" t="s">
        <v>146</v>
      </c>
      <c r="I39" s="16" t="str">
        <f t="shared" si="0"/>
        <v>06　リサイクルトナーカートリッジ</v>
      </c>
      <c r="J39" s="20" t="s">
        <v>147</v>
      </c>
      <c r="K39" s="236"/>
    </row>
    <row r="40" spans="2:13" x14ac:dyDescent="0.25">
      <c r="B40" s="198"/>
      <c r="C40" s="201"/>
      <c r="D40" s="204"/>
      <c r="E40" s="213"/>
      <c r="F40" s="213"/>
      <c r="G40" s="18" t="s">
        <v>85</v>
      </c>
      <c r="H40" s="19" t="s">
        <v>148</v>
      </c>
      <c r="I40" s="16" t="str">
        <f t="shared" si="0"/>
        <v>07　ソフトウェア</v>
      </c>
      <c r="J40" s="20" t="s">
        <v>149</v>
      </c>
      <c r="K40" s="236"/>
    </row>
    <row r="41" spans="2:13" x14ac:dyDescent="0.25">
      <c r="B41" s="198"/>
      <c r="C41" s="201"/>
      <c r="D41" s="204"/>
      <c r="E41" s="213"/>
      <c r="F41" s="213"/>
      <c r="G41" s="18" t="s">
        <v>88</v>
      </c>
      <c r="H41" s="19" t="s">
        <v>150</v>
      </c>
      <c r="I41" s="16" t="str">
        <f t="shared" si="0"/>
        <v>08　ＯＡ消耗品</v>
      </c>
      <c r="J41" s="20" t="s">
        <v>151</v>
      </c>
      <c r="K41" s="236"/>
    </row>
    <row r="42" spans="2:13" x14ac:dyDescent="0.25">
      <c r="B42" s="198"/>
      <c r="C42" s="201"/>
      <c r="D42" s="204"/>
      <c r="E42" s="213"/>
      <c r="F42" s="213"/>
      <c r="G42" s="18" t="s">
        <v>90</v>
      </c>
      <c r="H42" s="19" t="s">
        <v>152</v>
      </c>
      <c r="I42" s="16" t="str">
        <f t="shared" si="0"/>
        <v>09　家庭用電化製品</v>
      </c>
      <c r="J42" s="20" t="s">
        <v>153</v>
      </c>
      <c r="K42" s="236"/>
    </row>
    <row r="43" spans="2:13" x14ac:dyDescent="0.25">
      <c r="B43" s="198"/>
      <c r="C43" s="201"/>
      <c r="D43" s="204"/>
      <c r="E43" s="213"/>
      <c r="F43" s="213"/>
      <c r="G43" s="18" t="s">
        <v>114</v>
      </c>
      <c r="H43" s="19" t="s">
        <v>154</v>
      </c>
      <c r="I43" s="16" t="str">
        <f t="shared" si="0"/>
        <v>10　視聴覚機器</v>
      </c>
      <c r="J43" s="20" t="s">
        <v>155</v>
      </c>
      <c r="K43" s="236"/>
    </row>
    <row r="44" spans="2:13" x14ac:dyDescent="0.25">
      <c r="B44" s="198"/>
      <c r="C44" s="201"/>
      <c r="D44" s="204"/>
      <c r="E44" s="213"/>
      <c r="F44" s="213"/>
      <c r="G44" s="18" t="s">
        <v>117</v>
      </c>
      <c r="H44" s="19" t="s">
        <v>156</v>
      </c>
      <c r="I44" s="16" t="str">
        <f t="shared" si="0"/>
        <v>11　電話関係機器</v>
      </c>
      <c r="J44" s="20" t="s">
        <v>157</v>
      </c>
      <c r="K44" s="236"/>
    </row>
    <row r="45" spans="2:13" x14ac:dyDescent="0.25">
      <c r="B45" s="198"/>
      <c r="C45" s="201"/>
      <c r="D45" s="204"/>
      <c r="E45" s="213"/>
      <c r="F45" s="213"/>
      <c r="G45" s="18" t="s">
        <v>119</v>
      </c>
      <c r="H45" s="19" t="s">
        <v>158</v>
      </c>
      <c r="I45" s="16" t="str">
        <f t="shared" si="0"/>
        <v>12　通信関係機器</v>
      </c>
      <c r="J45" s="20" t="s">
        <v>159</v>
      </c>
      <c r="K45" s="236"/>
    </row>
    <row r="46" spans="2:13" x14ac:dyDescent="0.25">
      <c r="B46" s="198"/>
      <c r="C46" s="201"/>
      <c r="D46" s="204"/>
      <c r="E46" s="213"/>
      <c r="F46" s="213"/>
      <c r="G46" s="18" t="s">
        <v>160</v>
      </c>
      <c r="H46" s="19" t="s">
        <v>161</v>
      </c>
      <c r="I46" s="16" t="str">
        <f t="shared" si="0"/>
        <v>13　警報装置</v>
      </c>
      <c r="J46" s="20" t="s">
        <v>162</v>
      </c>
      <c r="K46" s="236"/>
    </row>
    <row r="47" spans="2:13" x14ac:dyDescent="0.25">
      <c r="B47" s="198"/>
      <c r="C47" s="201"/>
      <c r="D47" s="204"/>
      <c r="E47" s="213"/>
      <c r="F47" s="213"/>
      <c r="G47" s="18" t="s">
        <v>163</v>
      </c>
      <c r="H47" s="19" t="s">
        <v>164</v>
      </c>
      <c r="I47" s="16" t="str">
        <f t="shared" si="0"/>
        <v>14　照明機器</v>
      </c>
      <c r="J47" s="20" t="s">
        <v>165</v>
      </c>
      <c r="K47" s="236"/>
    </row>
    <row r="48" spans="2:13" x14ac:dyDescent="0.25">
      <c r="B48" s="198"/>
      <c r="C48" s="201"/>
      <c r="D48" s="205"/>
      <c r="E48" s="214"/>
      <c r="F48" s="214"/>
      <c r="G48" s="21" t="s">
        <v>93</v>
      </c>
      <c r="H48" s="22" t="s">
        <v>94</v>
      </c>
      <c r="I48" s="16" t="str">
        <f t="shared" si="0"/>
        <v>99　その他</v>
      </c>
      <c r="J48" s="23"/>
      <c r="K48" s="237"/>
    </row>
    <row r="49" spans="2:11" x14ac:dyDescent="0.25">
      <c r="B49" s="198"/>
      <c r="C49" s="201"/>
      <c r="D49" s="203" t="s">
        <v>166</v>
      </c>
      <c r="E49" s="212" t="s">
        <v>167</v>
      </c>
      <c r="F49" s="212" t="str">
        <f>D49&amp;E49</f>
        <v>E写真光学機器</v>
      </c>
      <c r="G49" s="15" t="s">
        <v>65</v>
      </c>
      <c r="H49" s="16" t="s">
        <v>168</v>
      </c>
      <c r="I49" s="16" t="str">
        <f t="shared" si="0"/>
        <v>01　カメラ</v>
      </c>
      <c r="J49" s="17" t="s">
        <v>169</v>
      </c>
      <c r="K49" s="240"/>
    </row>
    <row r="50" spans="2:11" x14ac:dyDescent="0.25">
      <c r="B50" s="198"/>
      <c r="C50" s="201"/>
      <c r="D50" s="204"/>
      <c r="E50" s="213"/>
      <c r="F50" s="213"/>
      <c r="G50" s="18" t="s">
        <v>70</v>
      </c>
      <c r="H50" s="19" t="s">
        <v>170</v>
      </c>
      <c r="I50" s="16" t="str">
        <f t="shared" si="0"/>
        <v>02　ビデオカメラ</v>
      </c>
      <c r="J50" s="20" t="s">
        <v>171</v>
      </c>
      <c r="K50" s="236"/>
    </row>
    <row r="51" spans="2:11" x14ac:dyDescent="0.25">
      <c r="B51" s="198"/>
      <c r="C51" s="201"/>
      <c r="D51" s="204"/>
      <c r="E51" s="213"/>
      <c r="F51" s="213"/>
      <c r="G51" s="18" t="s">
        <v>172</v>
      </c>
      <c r="H51" s="19" t="s">
        <v>173</v>
      </c>
      <c r="I51" s="16" t="str">
        <f t="shared" si="0"/>
        <v>03　望遠鏡</v>
      </c>
      <c r="J51" s="20" t="s">
        <v>174</v>
      </c>
      <c r="K51" s="236"/>
    </row>
    <row r="52" spans="2:11" x14ac:dyDescent="0.25">
      <c r="B52" s="198"/>
      <c r="C52" s="201"/>
      <c r="D52" s="204"/>
      <c r="E52" s="213"/>
      <c r="F52" s="213"/>
      <c r="G52" s="18" t="s">
        <v>142</v>
      </c>
      <c r="H52" s="19" t="s">
        <v>175</v>
      </c>
      <c r="I52" s="16" t="str">
        <f t="shared" si="0"/>
        <v>04　写真用品</v>
      </c>
      <c r="J52" s="20" t="s">
        <v>176</v>
      </c>
      <c r="K52" s="236"/>
    </row>
    <row r="53" spans="2:11" x14ac:dyDescent="0.25">
      <c r="B53" s="198"/>
      <c r="C53" s="201"/>
      <c r="D53" s="204"/>
      <c r="E53" s="213"/>
      <c r="F53" s="213"/>
      <c r="G53" s="18" t="s">
        <v>177</v>
      </c>
      <c r="H53" s="19" t="s">
        <v>178</v>
      </c>
      <c r="I53" s="16" t="str">
        <f t="shared" si="0"/>
        <v>05　現像・プリント</v>
      </c>
      <c r="J53" s="20" t="s">
        <v>179</v>
      </c>
      <c r="K53" s="236"/>
    </row>
    <row r="54" spans="2:11" x14ac:dyDescent="0.25">
      <c r="B54" s="198"/>
      <c r="C54" s="201"/>
      <c r="D54" s="205"/>
      <c r="E54" s="214"/>
      <c r="F54" s="214"/>
      <c r="G54" s="21" t="s">
        <v>93</v>
      </c>
      <c r="H54" s="22" t="s">
        <v>94</v>
      </c>
      <c r="I54" s="16" t="str">
        <f t="shared" si="0"/>
        <v>99　その他</v>
      </c>
      <c r="J54" s="23"/>
      <c r="K54" s="237"/>
    </row>
    <row r="55" spans="2:11" x14ac:dyDescent="0.25">
      <c r="B55" s="198"/>
      <c r="C55" s="201"/>
      <c r="D55" s="203" t="s">
        <v>180</v>
      </c>
      <c r="E55" s="212" t="s">
        <v>181</v>
      </c>
      <c r="F55" s="212" t="str">
        <f>D55&amp;E55</f>
        <v>F医療・理化学機器</v>
      </c>
      <c r="G55" s="15" t="s">
        <v>65</v>
      </c>
      <c r="H55" s="16" t="s">
        <v>182</v>
      </c>
      <c r="I55" s="16" t="str">
        <f t="shared" si="0"/>
        <v>01　生体検査機器</v>
      </c>
      <c r="J55" s="17" t="s">
        <v>183</v>
      </c>
      <c r="K55" s="235" t="s">
        <v>184</v>
      </c>
    </row>
    <row r="56" spans="2:11" x14ac:dyDescent="0.25">
      <c r="B56" s="198"/>
      <c r="C56" s="201"/>
      <c r="D56" s="204"/>
      <c r="E56" s="213"/>
      <c r="F56" s="213"/>
      <c r="G56" s="18" t="s">
        <v>70</v>
      </c>
      <c r="H56" s="19" t="s">
        <v>185</v>
      </c>
      <c r="I56" s="16" t="str">
        <f t="shared" si="0"/>
        <v>02　検体検査機器</v>
      </c>
      <c r="J56" s="20" t="s">
        <v>186</v>
      </c>
      <c r="K56" s="236"/>
    </row>
    <row r="57" spans="2:11" x14ac:dyDescent="0.25">
      <c r="B57" s="198"/>
      <c r="C57" s="201"/>
      <c r="D57" s="204"/>
      <c r="E57" s="213"/>
      <c r="F57" s="213"/>
      <c r="G57" s="18" t="s">
        <v>73</v>
      </c>
      <c r="H57" s="19" t="s">
        <v>187</v>
      </c>
      <c r="I57" s="16" t="str">
        <f t="shared" si="0"/>
        <v>03　治療用機器</v>
      </c>
      <c r="J57" s="20" t="s">
        <v>188</v>
      </c>
      <c r="K57" s="236"/>
    </row>
    <row r="58" spans="2:11" x14ac:dyDescent="0.25">
      <c r="B58" s="198"/>
      <c r="C58" s="201"/>
      <c r="D58" s="204"/>
      <c r="E58" s="213"/>
      <c r="F58" s="213"/>
      <c r="G58" s="18" t="s">
        <v>76</v>
      </c>
      <c r="H58" s="19" t="s">
        <v>189</v>
      </c>
      <c r="I58" s="16" t="str">
        <f t="shared" si="0"/>
        <v>04　放射線関連機器</v>
      </c>
      <c r="J58" s="20" t="s">
        <v>190</v>
      </c>
      <c r="K58" s="236"/>
    </row>
    <row r="59" spans="2:11" x14ac:dyDescent="0.25">
      <c r="B59" s="198"/>
      <c r="C59" s="201"/>
      <c r="D59" s="204"/>
      <c r="E59" s="213"/>
      <c r="F59" s="213"/>
      <c r="G59" s="18" t="s">
        <v>79</v>
      </c>
      <c r="H59" s="19" t="s">
        <v>191</v>
      </c>
      <c r="I59" s="16" t="str">
        <f t="shared" si="0"/>
        <v>05　手術関連機器</v>
      </c>
      <c r="J59" s="20" t="s">
        <v>192</v>
      </c>
      <c r="K59" s="236"/>
    </row>
    <row r="60" spans="2:11" x14ac:dyDescent="0.25">
      <c r="B60" s="198"/>
      <c r="C60" s="201"/>
      <c r="D60" s="204"/>
      <c r="E60" s="213"/>
      <c r="F60" s="213"/>
      <c r="G60" s="18" t="s">
        <v>82</v>
      </c>
      <c r="H60" s="19" t="s">
        <v>193</v>
      </c>
      <c r="I60" s="16" t="str">
        <f t="shared" si="0"/>
        <v>06　看護・介護用機器</v>
      </c>
      <c r="J60" s="20" t="s">
        <v>194</v>
      </c>
      <c r="K60" s="236"/>
    </row>
    <row r="61" spans="2:11" x14ac:dyDescent="0.25">
      <c r="B61" s="198"/>
      <c r="C61" s="201"/>
      <c r="D61" s="204"/>
      <c r="E61" s="213"/>
      <c r="F61" s="213"/>
      <c r="G61" s="18" t="s">
        <v>85</v>
      </c>
      <c r="H61" s="19" t="s">
        <v>195</v>
      </c>
      <c r="I61" s="16" t="str">
        <f t="shared" si="0"/>
        <v>07　調剤機器</v>
      </c>
      <c r="J61" s="20" t="s">
        <v>196</v>
      </c>
      <c r="K61" s="236"/>
    </row>
    <row r="62" spans="2:11" x14ac:dyDescent="0.25">
      <c r="B62" s="198"/>
      <c r="C62" s="201"/>
      <c r="D62" s="204"/>
      <c r="E62" s="213"/>
      <c r="F62" s="213"/>
      <c r="G62" s="18" t="s">
        <v>88</v>
      </c>
      <c r="H62" s="19" t="s">
        <v>197</v>
      </c>
      <c r="I62" s="16" t="str">
        <f t="shared" si="0"/>
        <v>08　歯科用機器</v>
      </c>
      <c r="J62" s="20"/>
      <c r="K62" s="236"/>
    </row>
    <row r="63" spans="2:11" x14ac:dyDescent="0.25">
      <c r="B63" s="198"/>
      <c r="C63" s="201"/>
      <c r="D63" s="204"/>
      <c r="E63" s="213"/>
      <c r="F63" s="213"/>
      <c r="G63" s="18" t="s">
        <v>90</v>
      </c>
      <c r="H63" s="19" t="s">
        <v>198</v>
      </c>
      <c r="I63" s="16" t="str">
        <f t="shared" si="0"/>
        <v>09　その他医療機器</v>
      </c>
      <c r="J63" s="20"/>
      <c r="K63" s="236"/>
    </row>
    <row r="64" spans="2:11" x14ac:dyDescent="0.25">
      <c r="B64" s="198"/>
      <c r="C64" s="201"/>
      <c r="D64" s="204"/>
      <c r="E64" s="213"/>
      <c r="F64" s="213"/>
      <c r="G64" s="18" t="s">
        <v>114</v>
      </c>
      <c r="H64" s="19" t="s">
        <v>199</v>
      </c>
      <c r="I64" s="16" t="str">
        <f t="shared" si="0"/>
        <v>10　気体分析機器</v>
      </c>
      <c r="J64" s="20" t="s">
        <v>200</v>
      </c>
      <c r="K64" s="236"/>
    </row>
    <row r="65" spans="2:11" x14ac:dyDescent="0.25">
      <c r="B65" s="198"/>
      <c r="C65" s="201"/>
      <c r="D65" s="204"/>
      <c r="E65" s="213"/>
      <c r="F65" s="213"/>
      <c r="G65" s="18" t="s">
        <v>117</v>
      </c>
      <c r="H65" s="19" t="s">
        <v>201</v>
      </c>
      <c r="I65" s="16" t="str">
        <f t="shared" si="0"/>
        <v>11　液体分析機器</v>
      </c>
      <c r="J65" s="20" t="s">
        <v>202</v>
      </c>
      <c r="K65" s="236"/>
    </row>
    <row r="66" spans="2:11" x14ac:dyDescent="0.25">
      <c r="B66" s="198"/>
      <c r="C66" s="201"/>
      <c r="D66" s="204"/>
      <c r="E66" s="213"/>
      <c r="F66" s="213"/>
      <c r="G66" s="18" t="s">
        <v>119</v>
      </c>
      <c r="H66" s="19" t="s">
        <v>203</v>
      </c>
      <c r="I66" s="16" t="str">
        <f t="shared" si="0"/>
        <v>12　光学分析機器</v>
      </c>
      <c r="J66" s="20"/>
      <c r="K66" s="236"/>
    </row>
    <row r="67" spans="2:11" x14ac:dyDescent="0.25">
      <c r="B67" s="198"/>
      <c r="C67" s="201"/>
      <c r="D67" s="204"/>
      <c r="E67" s="213"/>
      <c r="F67" s="213"/>
      <c r="G67" s="18" t="s">
        <v>160</v>
      </c>
      <c r="H67" s="19" t="s">
        <v>204</v>
      </c>
      <c r="I67" s="16" t="str">
        <f t="shared" si="0"/>
        <v>13　その他分析機器</v>
      </c>
      <c r="J67" s="20"/>
      <c r="K67" s="236"/>
    </row>
    <row r="68" spans="2:11" x14ac:dyDescent="0.25">
      <c r="B68" s="198"/>
      <c r="C68" s="201"/>
      <c r="D68" s="204"/>
      <c r="E68" s="213"/>
      <c r="F68" s="213"/>
      <c r="G68" s="18" t="s">
        <v>163</v>
      </c>
      <c r="H68" s="19" t="s">
        <v>205</v>
      </c>
      <c r="I68" s="16" t="str">
        <f t="shared" si="0"/>
        <v>14　試験研究機器</v>
      </c>
      <c r="J68" s="20"/>
      <c r="K68" s="236"/>
    </row>
    <row r="69" spans="2:11" x14ac:dyDescent="0.25">
      <c r="B69" s="198"/>
      <c r="C69" s="201"/>
      <c r="D69" s="204"/>
      <c r="E69" s="213"/>
      <c r="F69" s="213"/>
      <c r="G69" s="18" t="s">
        <v>206</v>
      </c>
      <c r="H69" s="19" t="s">
        <v>207</v>
      </c>
      <c r="I69" s="16" t="str">
        <f t="shared" ref="I69:I132" si="1">G69&amp;$A$10&amp;H69</f>
        <v>15　顕微鏡</v>
      </c>
      <c r="J69" s="20" t="s">
        <v>208</v>
      </c>
      <c r="K69" s="236"/>
    </row>
    <row r="70" spans="2:11" x14ac:dyDescent="0.25">
      <c r="B70" s="198"/>
      <c r="C70" s="201"/>
      <c r="D70" s="204"/>
      <c r="E70" s="213"/>
      <c r="F70" s="213"/>
      <c r="G70" s="18" t="s">
        <v>209</v>
      </c>
      <c r="H70" s="19" t="s">
        <v>210</v>
      </c>
      <c r="I70" s="16" t="str">
        <f t="shared" si="1"/>
        <v>16　気象用計測機器</v>
      </c>
      <c r="J70" s="20"/>
      <c r="K70" s="236"/>
    </row>
    <row r="71" spans="2:11" x14ac:dyDescent="0.25">
      <c r="B71" s="198"/>
      <c r="C71" s="201"/>
      <c r="D71" s="204"/>
      <c r="E71" s="213"/>
      <c r="F71" s="213"/>
      <c r="G71" s="18" t="s">
        <v>211</v>
      </c>
      <c r="H71" s="19" t="s">
        <v>212</v>
      </c>
      <c r="I71" s="16" t="str">
        <f t="shared" si="1"/>
        <v>17　測量用計測機器</v>
      </c>
      <c r="J71" s="20"/>
      <c r="K71" s="236"/>
    </row>
    <row r="72" spans="2:11" x14ac:dyDescent="0.25">
      <c r="B72" s="198"/>
      <c r="C72" s="201"/>
      <c r="D72" s="204"/>
      <c r="E72" s="213"/>
      <c r="F72" s="213"/>
      <c r="G72" s="18" t="s">
        <v>213</v>
      </c>
      <c r="H72" s="19" t="s">
        <v>214</v>
      </c>
      <c r="I72" s="16" t="str">
        <f t="shared" si="1"/>
        <v>18　大気測定機器</v>
      </c>
      <c r="J72" s="20"/>
      <c r="K72" s="236"/>
    </row>
    <row r="73" spans="2:11" x14ac:dyDescent="0.25">
      <c r="B73" s="198"/>
      <c r="C73" s="201"/>
      <c r="D73" s="204"/>
      <c r="E73" s="213"/>
      <c r="F73" s="213"/>
      <c r="G73" s="18" t="s">
        <v>215</v>
      </c>
      <c r="H73" s="19" t="s">
        <v>216</v>
      </c>
      <c r="I73" s="16" t="str">
        <f t="shared" si="1"/>
        <v>19　水質測定機器</v>
      </c>
      <c r="J73" s="20"/>
      <c r="K73" s="236"/>
    </row>
    <row r="74" spans="2:11" x14ac:dyDescent="0.25">
      <c r="B74" s="198"/>
      <c r="C74" s="201"/>
      <c r="D74" s="204"/>
      <c r="E74" s="213"/>
      <c r="F74" s="213"/>
      <c r="G74" s="18" t="s">
        <v>217</v>
      </c>
      <c r="H74" s="19" t="s">
        <v>218</v>
      </c>
      <c r="I74" s="16" t="str">
        <f t="shared" si="1"/>
        <v>20　振動・音響測定機器</v>
      </c>
      <c r="J74" s="20"/>
      <c r="K74" s="236"/>
    </row>
    <row r="75" spans="2:11" x14ac:dyDescent="0.25">
      <c r="B75" s="198"/>
      <c r="C75" s="201"/>
      <c r="D75" s="204"/>
      <c r="E75" s="213"/>
      <c r="F75" s="213"/>
      <c r="G75" s="18" t="s">
        <v>219</v>
      </c>
      <c r="H75" s="19" t="s">
        <v>220</v>
      </c>
      <c r="I75" s="16" t="str">
        <f t="shared" si="1"/>
        <v>21　放射線測定機器</v>
      </c>
      <c r="J75" s="20"/>
      <c r="K75" s="236"/>
    </row>
    <row r="76" spans="2:11" x14ac:dyDescent="0.25">
      <c r="B76" s="198"/>
      <c r="C76" s="201"/>
      <c r="D76" s="204"/>
      <c r="E76" s="213"/>
      <c r="F76" s="213"/>
      <c r="G76" s="18" t="s">
        <v>221</v>
      </c>
      <c r="H76" s="19" t="s">
        <v>222</v>
      </c>
      <c r="I76" s="16" t="str">
        <f t="shared" si="1"/>
        <v>22　電気・磁気測定機器</v>
      </c>
      <c r="J76" s="20"/>
      <c r="K76" s="236"/>
    </row>
    <row r="77" spans="2:11" x14ac:dyDescent="0.25">
      <c r="B77" s="198"/>
      <c r="C77" s="201"/>
      <c r="D77" s="204"/>
      <c r="E77" s="213"/>
      <c r="F77" s="213"/>
      <c r="G77" s="18" t="s">
        <v>223</v>
      </c>
      <c r="H77" s="19" t="s">
        <v>224</v>
      </c>
      <c r="I77" s="16" t="str">
        <f t="shared" si="1"/>
        <v>23　速度測定機器</v>
      </c>
      <c r="J77" s="20"/>
      <c r="K77" s="236"/>
    </row>
    <row r="78" spans="2:11" x14ac:dyDescent="0.25">
      <c r="B78" s="198"/>
      <c r="C78" s="201"/>
      <c r="D78" s="204"/>
      <c r="E78" s="213"/>
      <c r="F78" s="213"/>
      <c r="G78" s="18" t="s">
        <v>225</v>
      </c>
      <c r="H78" s="19" t="s">
        <v>226</v>
      </c>
      <c r="I78" s="16" t="str">
        <f t="shared" si="1"/>
        <v>24　超音波測定機器</v>
      </c>
      <c r="J78" s="20"/>
      <c r="K78" s="236"/>
    </row>
    <row r="79" spans="2:11" x14ac:dyDescent="0.25">
      <c r="B79" s="198"/>
      <c r="C79" s="201"/>
      <c r="D79" s="205"/>
      <c r="E79" s="214"/>
      <c r="F79" s="214"/>
      <c r="G79" s="21" t="s">
        <v>93</v>
      </c>
      <c r="H79" s="22" t="s">
        <v>94</v>
      </c>
      <c r="I79" s="16" t="str">
        <f t="shared" si="1"/>
        <v>99　その他</v>
      </c>
      <c r="J79" s="23"/>
      <c r="K79" s="237"/>
    </row>
    <row r="80" spans="2:11" ht="82.5" customHeight="1" x14ac:dyDescent="0.25">
      <c r="B80" s="198"/>
      <c r="C80" s="201"/>
      <c r="D80" s="203" t="s">
        <v>227</v>
      </c>
      <c r="E80" s="212" t="s">
        <v>228</v>
      </c>
      <c r="F80" s="212" t="str">
        <f>D80&amp;E80</f>
        <v>Gその他機械器具</v>
      </c>
      <c r="G80" s="15" t="s">
        <v>65</v>
      </c>
      <c r="H80" s="16" t="s">
        <v>229</v>
      </c>
      <c r="I80" s="16" t="str">
        <f t="shared" si="1"/>
        <v>01　厨房用調理器</v>
      </c>
      <c r="J80" s="17" t="s">
        <v>230</v>
      </c>
      <c r="K80" s="240"/>
    </row>
    <row r="81" spans="2:11" x14ac:dyDescent="0.25">
      <c r="B81" s="198"/>
      <c r="C81" s="201"/>
      <c r="D81" s="204"/>
      <c r="E81" s="213"/>
      <c r="F81" s="213"/>
      <c r="G81" s="18" t="s">
        <v>70</v>
      </c>
      <c r="H81" s="19" t="s">
        <v>231</v>
      </c>
      <c r="I81" s="16" t="str">
        <f t="shared" si="1"/>
        <v>02　調理台・流し台</v>
      </c>
      <c r="J81" s="20"/>
      <c r="K81" s="236"/>
    </row>
    <row r="82" spans="2:11" ht="13.5" customHeight="1" x14ac:dyDescent="0.25">
      <c r="B82" s="198"/>
      <c r="C82" s="201"/>
      <c r="D82" s="204"/>
      <c r="E82" s="213"/>
      <c r="F82" s="213"/>
      <c r="G82" s="18" t="s">
        <v>73</v>
      </c>
      <c r="H82" s="19" t="s">
        <v>232</v>
      </c>
      <c r="I82" s="16" t="str">
        <f t="shared" si="1"/>
        <v>03　厨房用洗浄・消毒機器</v>
      </c>
      <c r="J82" s="20" t="s">
        <v>233</v>
      </c>
      <c r="K82" s="236"/>
    </row>
    <row r="83" spans="2:11" x14ac:dyDescent="0.25">
      <c r="B83" s="198"/>
      <c r="C83" s="201"/>
      <c r="D83" s="204"/>
      <c r="E83" s="213"/>
      <c r="F83" s="213"/>
      <c r="G83" s="18" t="s">
        <v>76</v>
      </c>
      <c r="H83" s="19" t="s">
        <v>234</v>
      </c>
      <c r="I83" s="16" t="str">
        <f t="shared" si="1"/>
        <v>04　厨房用冷凍・冷蔵機器</v>
      </c>
      <c r="J83" s="20" t="s">
        <v>235</v>
      </c>
      <c r="K83" s="236"/>
    </row>
    <row r="84" spans="2:11" x14ac:dyDescent="0.25">
      <c r="B84" s="198"/>
      <c r="C84" s="201"/>
      <c r="D84" s="204"/>
      <c r="E84" s="213"/>
      <c r="F84" s="213"/>
      <c r="G84" s="18" t="s">
        <v>79</v>
      </c>
      <c r="H84" s="19" t="s">
        <v>236</v>
      </c>
      <c r="I84" s="16" t="str">
        <f t="shared" si="1"/>
        <v>05　厨房用給湯器</v>
      </c>
      <c r="J84" s="20"/>
      <c r="K84" s="236"/>
    </row>
    <row r="85" spans="2:11" x14ac:dyDescent="0.25">
      <c r="B85" s="198"/>
      <c r="C85" s="201"/>
      <c r="D85" s="204"/>
      <c r="E85" s="213"/>
      <c r="F85" s="213"/>
      <c r="G85" s="18" t="s">
        <v>82</v>
      </c>
      <c r="H85" s="19" t="s">
        <v>237</v>
      </c>
      <c r="I85" s="16" t="str">
        <f t="shared" si="1"/>
        <v>06　その他厨房機器</v>
      </c>
      <c r="J85" s="20"/>
      <c r="K85" s="236"/>
    </row>
    <row r="86" spans="2:11" x14ac:dyDescent="0.25">
      <c r="B86" s="198"/>
      <c r="C86" s="201"/>
      <c r="D86" s="204"/>
      <c r="E86" s="213"/>
      <c r="F86" s="213"/>
      <c r="G86" s="18" t="s">
        <v>85</v>
      </c>
      <c r="H86" s="19" t="s">
        <v>238</v>
      </c>
      <c r="I86" s="16" t="str">
        <f t="shared" si="1"/>
        <v>07　建設用機器</v>
      </c>
      <c r="J86" s="20" t="s">
        <v>239</v>
      </c>
      <c r="K86" s="236"/>
    </row>
    <row r="87" spans="2:11" x14ac:dyDescent="0.25">
      <c r="B87" s="198"/>
      <c r="C87" s="201"/>
      <c r="D87" s="204"/>
      <c r="E87" s="213"/>
      <c r="F87" s="213"/>
      <c r="G87" s="18" t="s">
        <v>88</v>
      </c>
      <c r="H87" s="19" t="s">
        <v>240</v>
      </c>
      <c r="I87" s="16" t="str">
        <f t="shared" si="1"/>
        <v>08　農業用機器</v>
      </c>
      <c r="J87" s="20" t="s">
        <v>241</v>
      </c>
      <c r="K87" s="236"/>
    </row>
    <row r="88" spans="2:11" x14ac:dyDescent="0.25">
      <c r="B88" s="198"/>
      <c r="C88" s="201"/>
      <c r="D88" s="204"/>
      <c r="E88" s="213"/>
      <c r="F88" s="213"/>
      <c r="G88" s="18" t="s">
        <v>90</v>
      </c>
      <c r="H88" s="19" t="s">
        <v>242</v>
      </c>
      <c r="I88" s="16" t="str">
        <f t="shared" si="1"/>
        <v>09　畜産用機器</v>
      </c>
      <c r="J88" s="20" t="s">
        <v>243</v>
      </c>
      <c r="K88" s="236"/>
    </row>
    <row r="89" spans="2:11" x14ac:dyDescent="0.25">
      <c r="B89" s="198"/>
      <c r="C89" s="201"/>
      <c r="D89" s="204"/>
      <c r="E89" s="213"/>
      <c r="F89" s="213"/>
      <c r="G89" s="18" t="s">
        <v>114</v>
      </c>
      <c r="H89" s="19" t="s">
        <v>244</v>
      </c>
      <c r="I89" s="16" t="str">
        <f t="shared" si="1"/>
        <v>10　林産用機器</v>
      </c>
      <c r="J89" s="20" t="s">
        <v>245</v>
      </c>
      <c r="K89" s="236"/>
    </row>
    <row r="90" spans="2:11" x14ac:dyDescent="0.25">
      <c r="B90" s="198"/>
      <c r="C90" s="201"/>
      <c r="D90" s="204"/>
      <c r="E90" s="213"/>
      <c r="F90" s="213"/>
      <c r="G90" s="18" t="s">
        <v>117</v>
      </c>
      <c r="H90" s="19" t="s">
        <v>246</v>
      </c>
      <c r="I90" s="16" t="str">
        <f t="shared" si="1"/>
        <v>11　水産用機器</v>
      </c>
      <c r="J90" s="20" t="s">
        <v>247</v>
      </c>
      <c r="K90" s="236"/>
    </row>
    <row r="91" spans="2:11" x14ac:dyDescent="0.25">
      <c r="B91" s="198"/>
      <c r="C91" s="201"/>
      <c r="D91" s="204"/>
      <c r="E91" s="213"/>
      <c r="F91" s="213"/>
      <c r="G91" s="18" t="s">
        <v>119</v>
      </c>
      <c r="H91" s="19" t="s">
        <v>248</v>
      </c>
      <c r="I91" s="16" t="str">
        <f t="shared" si="1"/>
        <v>12　食品加工機器</v>
      </c>
      <c r="J91" s="20"/>
      <c r="K91" s="236"/>
    </row>
    <row r="92" spans="2:11" x14ac:dyDescent="0.25">
      <c r="B92" s="198"/>
      <c r="C92" s="201"/>
      <c r="D92" s="204"/>
      <c r="E92" s="213"/>
      <c r="F92" s="213"/>
      <c r="G92" s="18" t="s">
        <v>160</v>
      </c>
      <c r="H92" s="19" t="s">
        <v>249</v>
      </c>
      <c r="I92" s="16" t="str">
        <f t="shared" si="1"/>
        <v>13　工作機械</v>
      </c>
      <c r="J92" s="20" t="s">
        <v>250</v>
      </c>
      <c r="K92" s="236"/>
    </row>
    <row r="93" spans="2:11" x14ac:dyDescent="0.25">
      <c r="B93" s="198"/>
      <c r="C93" s="201"/>
      <c r="D93" s="204"/>
      <c r="E93" s="213"/>
      <c r="F93" s="213"/>
      <c r="G93" s="18" t="s">
        <v>163</v>
      </c>
      <c r="H93" s="19" t="s">
        <v>251</v>
      </c>
      <c r="I93" s="16" t="str">
        <f t="shared" si="1"/>
        <v>14　各種産業機器</v>
      </c>
      <c r="J93" s="20"/>
      <c r="K93" s="236"/>
    </row>
    <row r="94" spans="2:11" x14ac:dyDescent="0.25">
      <c r="B94" s="198"/>
      <c r="C94" s="201"/>
      <c r="D94" s="204"/>
      <c r="E94" s="213"/>
      <c r="F94" s="213"/>
      <c r="G94" s="18" t="s">
        <v>206</v>
      </c>
      <c r="H94" s="19" t="s">
        <v>252</v>
      </c>
      <c r="I94" s="16" t="str">
        <f t="shared" si="1"/>
        <v>15　ボイラー</v>
      </c>
      <c r="J94" s="20"/>
      <c r="K94" s="236"/>
    </row>
    <row r="95" spans="2:11" x14ac:dyDescent="0.25">
      <c r="B95" s="198"/>
      <c r="C95" s="201"/>
      <c r="D95" s="204"/>
      <c r="E95" s="213"/>
      <c r="F95" s="213"/>
      <c r="G95" s="18" t="s">
        <v>209</v>
      </c>
      <c r="H95" s="19" t="s">
        <v>253</v>
      </c>
      <c r="I95" s="16" t="str">
        <f t="shared" si="1"/>
        <v>16　発電機器</v>
      </c>
      <c r="J95" s="20"/>
      <c r="K95" s="236"/>
    </row>
    <row r="96" spans="2:11" x14ac:dyDescent="0.25">
      <c r="B96" s="198"/>
      <c r="C96" s="201"/>
      <c r="D96" s="204"/>
      <c r="E96" s="213"/>
      <c r="F96" s="213"/>
      <c r="G96" s="18" t="s">
        <v>211</v>
      </c>
      <c r="H96" s="19" t="s">
        <v>254</v>
      </c>
      <c r="I96" s="16" t="str">
        <f t="shared" si="1"/>
        <v>17　エンジン</v>
      </c>
      <c r="J96" s="20"/>
      <c r="K96" s="236"/>
    </row>
    <row r="97" spans="2:11" x14ac:dyDescent="0.25">
      <c r="B97" s="198"/>
      <c r="C97" s="201"/>
      <c r="D97" s="204"/>
      <c r="E97" s="213"/>
      <c r="F97" s="213"/>
      <c r="G97" s="18" t="s">
        <v>213</v>
      </c>
      <c r="H97" s="19" t="s">
        <v>255</v>
      </c>
      <c r="I97" s="16" t="str">
        <f t="shared" si="1"/>
        <v>18　ポンプ</v>
      </c>
      <c r="J97" s="20"/>
      <c r="K97" s="236"/>
    </row>
    <row r="98" spans="2:11" x14ac:dyDescent="0.25">
      <c r="B98" s="198"/>
      <c r="C98" s="201"/>
      <c r="D98" s="204"/>
      <c r="E98" s="213"/>
      <c r="F98" s="213"/>
      <c r="G98" s="18" t="s">
        <v>215</v>
      </c>
      <c r="H98" s="19" t="s">
        <v>256</v>
      </c>
      <c r="I98" s="16" t="str">
        <f t="shared" si="1"/>
        <v>19　ストーブ</v>
      </c>
      <c r="J98" s="20" t="s">
        <v>257</v>
      </c>
      <c r="K98" s="236"/>
    </row>
    <row r="99" spans="2:11" x14ac:dyDescent="0.25">
      <c r="B99" s="198"/>
      <c r="C99" s="201"/>
      <c r="D99" s="204"/>
      <c r="E99" s="213"/>
      <c r="F99" s="213"/>
      <c r="G99" s="18" t="s">
        <v>217</v>
      </c>
      <c r="H99" s="19" t="s">
        <v>258</v>
      </c>
      <c r="I99" s="16" t="str">
        <f t="shared" si="1"/>
        <v>20　空調機器</v>
      </c>
      <c r="J99" s="20" t="s">
        <v>259</v>
      </c>
      <c r="K99" s="236"/>
    </row>
    <row r="100" spans="2:11" x14ac:dyDescent="0.25">
      <c r="B100" s="198"/>
      <c r="C100" s="201"/>
      <c r="D100" s="204"/>
      <c r="E100" s="213"/>
      <c r="F100" s="213"/>
      <c r="G100" s="18" t="s">
        <v>219</v>
      </c>
      <c r="H100" s="19" t="s">
        <v>260</v>
      </c>
      <c r="I100" s="16" t="str">
        <f t="shared" si="1"/>
        <v>21　給排水機器</v>
      </c>
      <c r="J100" s="20"/>
      <c r="K100" s="236"/>
    </row>
    <row r="101" spans="2:11" x14ac:dyDescent="0.25">
      <c r="B101" s="198"/>
      <c r="C101" s="201"/>
      <c r="D101" s="204"/>
      <c r="E101" s="213"/>
      <c r="F101" s="213"/>
      <c r="G101" s="18" t="s">
        <v>221</v>
      </c>
      <c r="H101" s="19" t="s">
        <v>261</v>
      </c>
      <c r="I101" s="16" t="str">
        <f t="shared" si="1"/>
        <v>22　焼却炉</v>
      </c>
      <c r="J101" s="20"/>
      <c r="K101" s="236"/>
    </row>
    <row r="102" spans="2:11" x14ac:dyDescent="0.25">
      <c r="B102" s="198"/>
      <c r="C102" s="201"/>
      <c r="D102" s="205"/>
      <c r="E102" s="214"/>
      <c r="F102" s="214"/>
      <c r="G102" s="21" t="s">
        <v>93</v>
      </c>
      <c r="H102" s="22" t="s">
        <v>94</v>
      </c>
      <c r="I102" s="16" t="str">
        <f t="shared" si="1"/>
        <v>99　その他</v>
      </c>
      <c r="J102" s="23"/>
      <c r="K102" s="237"/>
    </row>
    <row r="103" spans="2:11" x14ac:dyDescent="0.25">
      <c r="B103" s="198"/>
      <c r="C103" s="201"/>
      <c r="D103" s="203" t="s">
        <v>262</v>
      </c>
      <c r="E103" s="212" t="s">
        <v>263</v>
      </c>
      <c r="F103" s="212" t="str">
        <f>D103&amp;E103</f>
        <v>Ｈ車両・船舶</v>
      </c>
      <c r="G103" s="24" t="s">
        <v>65</v>
      </c>
      <c r="H103" s="25" t="s">
        <v>264</v>
      </c>
      <c r="I103" s="16" t="str">
        <f t="shared" si="1"/>
        <v>01　乗用車・バス</v>
      </c>
      <c r="J103" s="26" t="s">
        <v>265</v>
      </c>
      <c r="K103" s="241" t="s">
        <v>266</v>
      </c>
    </row>
    <row r="104" spans="2:11" x14ac:dyDescent="0.25">
      <c r="B104" s="198"/>
      <c r="C104" s="201"/>
      <c r="D104" s="204"/>
      <c r="E104" s="213"/>
      <c r="F104" s="213"/>
      <c r="G104" s="18" t="s">
        <v>70</v>
      </c>
      <c r="H104" s="19" t="s">
        <v>267</v>
      </c>
      <c r="I104" s="16" t="str">
        <f t="shared" si="1"/>
        <v>02　貨物自動車</v>
      </c>
      <c r="J104" s="27" t="s">
        <v>268</v>
      </c>
      <c r="K104" s="236"/>
    </row>
    <row r="105" spans="2:11" x14ac:dyDescent="0.25">
      <c r="B105" s="198"/>
      <c r="C105" s="201"/>
      <c r="D105" s="204"/>
      <c r="E105" s="213"/>
      <c r="F105" s="213"/>
      <c r="G105" s="18" t="s">
        <v>73</v>
      </c>
      <c r="H105" s="19" t="s">
        <v>269</v>
      </c>
      <c r="I105" s="16" t="str">
        <f t="shared" si="1"/>
        <v>03　自動二輪車</v>
      </c>
      <c r="J105" s="27" t="s">
        <v>269</v>
      </c>
      <c r="K105" s="236"/>
    </row>
    <row r="106" spans="2:11" x14ac:dyDescent="0.25">
      <c r="B106" s="198"/>
      <c r="C106" s="201"/>
      <c r="D106" s="204"/>
      <c r="E106" s="213"/>
      <c r="F106" s="213"/>
      <c r="G106" s="18" t="s">
        <v>76</v>
      </c>
      <c r="H106" s="19" t="s">
        <v>270</v>
      </c>
      <c r="I106" s="16" t="str">
        <f t="shared" si="1"/>
        <v>04　特殊車両</v>
      </c>
      <c r="J106" s="27" t="s">
        <v>271</v>
      </c>
      <c r="K106" s="236"/>
    </row>
    <row r="107" spans="2:11" x14ac:dyDescent="0.25">
      <c r="B107" s="198"/>
      <c r="C107" s="201"/>
      <c r="D107" s="204"/>
      <c r="E107" s="213"/>
      <c r="F107" s="213"/>
      <c r="G107" s="18" t="s">
        <v>79</v>
      </c>
      <c r="H107" s="19" t="s">
        <v>272</v>
      </c>
      <c r="I107" s="16" t="str">
        <f t="shared" si="1"/>
        <v>05　自転車</v>
      </c>
      <c r="J107" s="27" t="s">
        <v>272</v>
      </c>
      <c r="K107" s="236"/>
    </row>
    <row r="108" spans="2:11" x14ac:dyDescent="0.25">
      <c r="B108" s="198"/>
      <c r="C108" s="201"/>
      <c r="D108" s="204"/>
      <c r="E108" s="213"/>
      <c r="F108" s="213"/>
      <c r="G108" s="18" t="s">
        <v>82</v>
      </c>
      <c r="H108" s="19" t="s">
        <v>273</v>
      </c>
      <c r="I108" s="16" t="str">
        <f t="shared" si="1"/>
        <v>06　車両部品</v>
      </c>
      <c r="J108" s="27" t="s">
        <v>274</v>
      </c>
      <c r="K108" s="236"/>
    </row>
    <row r="109" spans="2:11" x14ac:dyDescent="0.25">
      <c r="B109" s="198"/>
      <c r="C109" s="201"/>
      <c r="D109" s="204"/>
      <c r="E109" s="213"/>
      <c r="F109" s="213"/>
      <c r="G109" s="18" t="s">
        <v>85</v>
      </c>
      <c r="H109" s="19" t="s">
        <v>275</v>
      </c>
      <c r="I109" s="16" t="str">
        <f t="shared" si="1"/>
        <v>07　車両整備</v>
      </c>
      <c r="J109" s="27" t="s">
        <v>276</v>
      </c>
      <c r="K109" s="236"/>
    </row>
    <row r="110" spans="2:11" x14ac:dyDescent="0.25">
      <c r="B110" s="198"/>
      <c r="C110" s="201"/>
      <c r="D110" s="204"/>
      <c r="E110" s="213"/>
      <c r="F110" s="213"/>
      <c r="G110" s="18" t="s">
        <v>88</v>
      </c>
      <c r="H110" s="19" t="s">
        <v>277</v>
      </c>
      <c r="I110" s="16" t="str">
        <f t="shared" si="1"/>
        <v>08　船舶</v>
      </c>
      <c r="J110" s="20" t="s">
        <v>278</v>
      </c>
      <c r="K110" s="236"/>
    </row>
    <row r="111" spans="2:11" x14ac:dyDescent="0.25">
      <c r="B111" s="198"/>
      <c r="C111" s="201"/>
      <c r="D111" s="204"/>
      <c r="E111" s="213"/>
      <c r="F111" s="213"/>
      <c r="G111" s="18" t="s">
        <v>90</v>
      </c>
      <c r="H111" s="19" t="s">
        <v>279</v>
      </c>
      <c r="I111" s="16" t="str">
        <f t="shared" si="1"/>
        <v>09　船舶部品</v>
      </c>
      <c r="J111" s="27" t="s">
        <v>280</v>
      </c>
      <c r="K111" s="236"/>
    </row>
    <row r="112" spans="2:11" x14ac:dyDescent="0.25">
      <c r="B112" s="198"/>
      <c r="C112" s="201"/>
      <c r="D112" s="204"/>
      <c r="E112" s="213"/>
      <c r="F112" s="213"/>
      <c r="G112" s="18" t="s">
        <v>114</v>
      </c>
      <c r="H112" s="19" t="s">
        <v>281</v>
      </c>
      <c r="I112" s="16" t="str">
        <f t="shared" si="1"/>
        <v>10　航空機</v>
      </c>
      <c r="J112" s="20" t="s">
        <v>282</v>
      </c>
      <c r="K112" s="236"/>
    </row>
    <row r="113" spans="2:11" x14ac:dyDescent="0.25">
      <c r="B113" s="198"/>
      <c r="C113" s="201"/>
      <c r="D113" s="204"/>
      <c r="E113" s="213"/>
      <c r="F113" s="213"/>
      <c r="G113" s="18" t="s">
        <v>117</v>
      </c>
      <c r="H113" s="19" t="s">
        <v>283</v>
      </c>
      <c r="I113" s="16" t="str">
        <f t="shared" si="1"/>
        <v>11　航空機部品</v>
      </c>
      <c r="J113" s="27"/>
      <c r="K113" s="236"/>
    </row>
    <row r="114" spans="2:11" x14ac:dyDescent="0.25">
      <c r="B114" s="198"/>
      <c r="C114" s="201"/>
      <c r="D114" s="205"/>
      <c r="E114" s="214"/>
      <c r="F114" s="214"/>
      <c r="G114" s="21" t="s">
        <v>93</v>
      </c>
      <c r="H114" s="22" t="s">
        <v>94</v>
      </c>
      <c r="I114" s="16" t="str">
        <f t="shared" si="1"/>
        <v>99　その他</v>
      </c>
      <c r="J114" s="23" t="s">
        <v>284</v>
      </c>
      <c r="K114" s="237"/>
    </row>
    <row r="115" spans="2:11" x14ac:dyDescent="0.25">
      <c r="B115" s="198"/>
      <c r="C115" s="201"/>
      <c r="D115" s="203" t="s">
        <v>285</v>
      </c>
      <c r="E115" s="212" t="s">
        <v>286</v>
      </c>
      <c r="F115" s="212" t="str">
        <f>D115&amp;E115</f>
        <v>Ｉ医薬品・産業薬品</v>
      </c>
      <c r="G115" s="15" t="s">
        <v>65</v>
      </c>
      <c r="H115" s="16" t="s">
        <v>287</v>
      </c>
      <c r="I115" s="16" t="str">
        <f t="shared" si="1"/>
        <v>01　医療用医薬品</v>
      </c>
      <c r="J115" s="17"/>
      <c r="K115" s="235" t="s">
        <v>288</v>
      </c>
    </row>
    <row r="116" spans="2:11" x14ac:dyDescent="0.25">
      <c r="B116" s="198"/>
      <c r="C116" s="201"/>
      <c r="D116" s="204"/>
      <c r="E116" s="213"/>
      <c r="F116" s="213"/>
      <c r="G116" s="18" t="s">
        <v>70</v>
      </c>
      <c r="H116" s="19" t="s">
        <v>289</v>
      </c>
      <c r="I116" s="16" t="str">
        <f t="shared" si="1"/>
        <v>02　一般用医薬品</v>
      </c>
      <c r="J116" s="20"/>
      <c r="K116" s="236"/>
    </row>
    <row r="117" spans="2:11" x14ac:dyDescent="0.25">
      <c r="B117" s="198"/>
      <c r="C117" s="201"/>
      <c r="D117" s="204"/>
      <c r="E117" s="213"/>
      <c r="F117" s="213"/>
      <c r="G117" s="18" t="s">
        <v>73</v>
      </c>
      <c r="H117" s="19" t="s">
        <v>290</v>
      </c>
      <c r="I117" s="16" t="str">
        <f t="shared" si="1"/>
        <v>03　動物用医薬品</v>
      </c>
      <c r="J117" s="20"/>
      <c r="K117" s="236"/>
    </row>
    <row r="118" spans="2:11" x14ac:dyDescent="0.25">
      <c r="B118" s="198"/>
      <c r="C118" s="201"/>
      <c r="D118" s="204"/>
      <c r="E118" s="213"/>
      <c r="F118" s="213"/>
      <c r="G118" s="18" t="s">
        <v>76</v>
      </c>
      <c r="H118" s="19" t="s">
        <v>291</v>
      </c>
      <c r="I118" s="16" t="str">
        <f t="shared" si="1"/>
        <v>04　医療用ガス</v>
      </c>
      <c r="J118" s="20" t="s">
        <v>292</v>
      </c>
      <c r="K118" s="236"/>
    </row>
    <row r="119" spans="2:11" x14ac:dyDescent="0.25">
      <c r="B119" s="198"/>
      <c r="C119" s="201"/>
      <c r="D119" s="204"/>
      <c r="E119" s="213"/>
      <c r="F119" s="213"/>
      <c r="G119" s="18" t="s">
        <v>79</v>
      </c>
      <c r="H119" s="19" t="s">
        <v>293</v>
      </c>
      <c r="I119" s="16" t="str">
        <f t="shared" si="1"/>
        <v>05　ワクチン</v>
      </c>
      <c r="J119" s="20"/>
      <c r="K119" s="236"/>
    </row>
    <row r="120" spans="2:11" x14ac:dyDescent="0.25">
      <c r="B120" s="198"/>
      <c r="C120" s="201"/>
      <c r="D120" s="204"/>
      <c r="E120" s="213"/>
      <c r="F120" s="213"/>
      <c r="G120" s="18" t="s">
        <v>82</v>
      </c>
      <c r="H120" s="19" t="s">
        <v>294</v>
      </c>
      <c r="I120" s="16" t="str">
        <f t="shared" si="1"/>
        <v>06　血清</v>
      </c>
      <c r="J120" s="20"/>
      <c r="K120" s="236"/>
    </row>
    <row r="121" spans="2:11" x14ac:dyDescent="0.25">
      <c r="B121" s="198"/>
      <c r="C121" s="201"/>
      <c r="D121" s="204"/>
      <c r="E121" s="213"/>
      <c r="F121" s="213"/>
      <c r="G121" s="18" t="s">
        <v>85</v>
      </c>
      <c r="H121" s="19" t="s">
        <v>295</v>
      </c>
      <c r="I121" s="16" t="str">
        <f t="shared" si="1"/>
        <v>07　培地</v>
      </c>
      <c r="J121" s="20"/>
      <c r="K121" s="236"/>
    </row>
    <row r="122" spans="2:11" x14ac:dyDescent="0.25">
      <c r="B122" s="198"/>
      <c r="C122" s="201"/>
      <c r="D122" s="204"/>
      <c r="E122" s="213"/>
      <c r="F122" s="213"/>
      <c r="G122" s="18" t="s">
        <v>88</v>
      </c>
      <c r="H122" s="19" t="s">
        <v>296</v>
      </c>
      <c r="I122" s="16" t="str">
        <f t="shared" si="1"/>
        <v>08　医療検査試薬</v>
      </c>
      <c r="J122" s="20"/>
      <c r="K122" s="236"/>
    </row>
    <row r="123" spans="2:11" x14ac:dyDescent="0.25">
      <c r="B123" s="198"/>
      <c r="C123" s="201"/>
      <c r="D123" s="204"/>
      <c r="E123" s="213"/>
      <c r="F123" s="213"/>
      <c r="G123" s="18" t="s">
        <v>90</v>
      </c>
      <c r="H123" s="19" t="s">
        <v>297</v>
      </c>
      <c r="I123" s="16" t="str">
        <f t="shared" si="1"/>
        <v>09　衛生材料</v>
      </c>
      <c r="J123" s="20" t="s">
        <v>298</v>
      </c>
      <c r="K123" s="236"/>
    </row>
    <row r="124" spans="2:11" x14ac:dyDescent="0.25">
      <c r="B124" s="198"/>
      <c r="C124" s="201"/>
      <c r="D124" s="204"/>
      <c r="E124" s="213"/>
      <c r="F124" s="213"/>
      <c r="G124" s="18" t="s">
        <v>114</v>
      </c>
      <c r="H124" s="19" t="s">
        <v>299</v>
      </c>
      <c r="I124" s="16" t="str">
        <f t="shared" si="1"/>
        <v>10　介護用品</v>
      </c>
      <c r="J124" s="20"/>
      <c r="K124" s="236"/>
    </row>
    <row r="125" spans="2:11" x14ac:dyDescent="0.25">
      <c r="B125" s="198"/>
      <c r="C125" s="201"/>
      <c r="D125" s="204"/>
      <c r="E125" s="213"/>
      <c r="F125" s="213"/>
      <c r="G125" s="18" t="s">
        <v>117</v>
      </c>
      <c r="H125" s="19" t="s">
        <v>300</v>
      </c>
      <c r="I125" s="16" t="str">
        <f t="shared" si="1"/>
        <v>11　化学工業薬品</v>
      </c>
      <c r="J125" s="20"/>
      <c r="K125" s="236"/>
    </row>
    <row r="126" spans="2:11" x14ac:dyDescent="0.25">
      <c r="B126" s="198"/>
      <c r="C126" s="201"/>
      <c r="D126" s="204"/>
      <c r="E126" s="213"/>
      <c r="F126" s="213"/>
      <c r="G126" s="18" t="s">
        <v>119</v>
      </c>
      <c r="H126" s="19" t="s">
        <v>301</v>
      </c>
      <c r="I126" s="16" t="str">
        <f t="shared" si="1"/>
        <v>12　農薬</v>
      </c>
      <c r="J126" s="20" t="s">
        <v>302</v>
      </c>
      <c r="K126" s="236"/>
    </row>
    <row r="127" spans="2:11" x14ac:dyDescent="0.25">
      <c r="B127" s="198"/>
      <c r="C127" s="201"/>
      <c r="D127" s="204"/>
      <c r="E127" s="213"/>
      <c r="F127" s="213"/>
      <c r="G127" s="18" t="s">
        <v>160</v>
      </c>
      <c r="H127" s="19" t="s">
        <v>303</v>
      </c>
      <c r="I127" s="16" t="str">
        <f t="shared" si="1"/>
        <v>13　凍結防止剤</v>
      </c>
      <c r="J127" s="20"/>
      <c r="K127" s="236"/>
    </row>
    <row r="128" spans="2:11" x14ac:dyDescent="0.25">
      <c r="B128" s="198"/>
      <c r="C128" s="201"/>
      <c r="D128" s="205"/>
      <c r="E128" s="214"/>
      <c r="F128" s="214"/>
      <c r="G128" s="21" t="s">
        <v>93</v>
      </c>
      <c r="H128" s="22" t="s">
        <v>94</v>
      </c>
      <c r="I128" s="16" t="str">
        <f t="shared" si="1"/>
        <v>99　その他</v>
      </c>
      <c r="J128" s="23"/>
      <c r="K128" s="237"/>
    </row>
    <row r="129" spans="2:11" x14ac:dyDescent="0.25">
      <c r="B129" s="198"/>
      <c r="C129" s="201"/>
      <c r="D129" s="203" t="s">
        <v>304</v>
      </c>
      <c r="E129" s="212" t="s">
        <v>305</v>
      </c>
      <c r="F129" s="212" t="str">
        <f>D129&amp;E129</f>
        <v>Ｊ燃料</v>
      </c>
      <c r="G129" s="15" t="s">
        <v>65</v>
      </c>
      <c r="H129" s="16" t="s">
        <v>306</v>
      </c>
      <c r="I129" s="16" t="str">
        <f t="shared" si="1"/>
        <v>01　ガソリン</v>
      </c>
      <c r="J129" s="28" t="s">
        <v>306</v>
      </c>
      <c r="K129" s="235" t="s">
        <v>307</v>
      </c>
    </row>
    <row r="130" spans="2:11" x14ac:dyDescent="0.25">
      <c r="B130" s="198"/>
      <c r="C130" s="201"/>
      <c r="D130" s="204"/>
      <c r="E130" s="213"/>
      <c r="F130" s="213"/>
      <c r="G130" s="18" t="s">
        <v>70</v>
      </c>
      <c r="H130" s="19" t="s">
        <v>308</v>
      </c>
      <c r="I130" s="16" t="str">
        <f t="shared" si="1"/>
        <v>02　灯油</v>
      </c>
      <c r="J130" s="27" t="s">
        <v>308</v>
      </c>
      <c r="K130" s="236"/>
    </row>
    <row r="131" spans="2:11" x14ac:dyDescent="0.25">
      <c r="B131" s="198"/>
      <c r="C131" s="201"/>
      <c r="D131" s="204"/>
      <c r="E131" s="213"/>
      <c r="F131" s="213"/>
      <c r="G131" s="18" t="s">
        <v>73</v>
      </c>
      <c r="H131" s="19" t="s">
        <v>309</v>
      </c>
      <c r="I131" s="16" t="str">
        <f t="shared" si="1"/>
        <v>03　軽油</v>
      </c>
      <c r="J131" s="27" t="s">
        <v>309</v>
      </c>
      <c r="K131" s="236"/>
    </row>
    <row r="132" spans="2:11" x14ac:dyDescent="0.25">
      <c r="B132" s="198"/>
      <c r="C132" s="201"/>
      <c r="D132" s="204"/>
      <c r="E132" s="213"/>
      <c r="F132" s="213"/>
      <c r="G132" s="18" t="s">
        <v>76</v>
      </c>
      <c r="H132" s="19" t="s">
        <v>310</v>
      </c>
      <c r="I132" s="16" t="str">
        <f t="shared" si="1"/>
        <v>04　重油</v>
      </c>
      <c r="J132" s="27" t="s">
        <v>310</v>
      </c>
      <c r="K132" s="236"/>
    </row>
    <row r="133" spans="2:11" x14ac:dyDescent="0.25">
      <c r="B133" s="198"/>
      <c r="C133" s="201"/>
      <c r="D133" s="204"/>
      <c r="E133" s="213"/>
      <c r="F133" s="213"/>
      <c r="G133" s="18" t="s">
        <v>79</v>
      </c>
      <c r="H133" s="19" t="s">
        <v>311</v>
      </c>
      <c r="I133" s="16" t="str">
        <f t="shared" ref="I133:I196" si="2">G133&amp;$A$10&amp;H133</f>
        <v>05　石炭,木炭</v>
      </c>
      <c r="J133" s="20" t="s">
        <v>312</v>
      </c>
      <c r="K133" s="236"/>
    </row>
    <row r="134" spans="2:11" x14ac:dyDescent="0.25">
      <c r="B134" s="198"/>
      <c r="C134" s="201"/>
      <c r="D134" s="204"/>
      <c r="E134" s="213"/>
      <c r="F134" s="213"/>
      <c r="G134" s="18" t="s">
        <v>82</v>
      </c>
      <c r="H134" s="19" t="s">
        <v>313</v>
      </c>
      <c r="I134" s="16" t="str">
        <f t="shared" si="2"/>
        <v>06　ガス</v>
      </c>
      <c r="J134" s="20" t="s">
        <v>314</v>
      </c>
      <c r="K134" s="236"/>
    </row>
    <row r="135" spans="2:11" x14ac:dyDescent="0.25">
      <c r="B135" s="198"/>
      <c r="C135" s="201"/>
      <c r="D135" s="204"/>
      <c r="E135" s="213"/>
      <c r="F135" s="213"/>
      <c r="G135" s="18" t="s">
        <v>85</v>
      </c>
      <c r="H135" s="19" t="s">
        <v>315</v>
      </c>
      <c r="I135" s="16" t="str">
        <f t="shared" si="2"/>
        <v>07　潤滑油</v>
      </c>
      <c r="J135" s="20" t="s">
        <v>316</v>
      </c>
      <c r="K135" s="236"/>
    </row>
    <row r="136" spans="2:11" x14ac:dyDescent="0.25">
      <c r="B136" s="198"/>
      <c r="C136" s="201"/>
      <c r="D136" s="205"/>
      <c r="E136" s="214"/>
      <c r="F136" s="214"/>
      <c r="G136" s="21" t="s">
        <v>93</v>
      </c>
      <c r="H136" s="22" t="s">
        <v>94</v>
      </c>
      <c r="I136" s="16" t="str">
        <f t="shared" si="2"/>
        <v>99　その他</v>
      </c>
      <c r="J136" s="23"/>
      <c r="K136" s="237"/>
    </row>
    <row r="137" spans="2:11" x14ac:dyDescent="0.25">
      <c r="B137" s="198"/>
      <c r="C137" s="201"/>
      <c r="D137" s="203" t="s">
        <v>317</v>
      </c>
      <c r="E137" s="212" t="s">
        <v>318</v>
      </c>
      <c r="F137" s="212" t="str">
        <f>D137&amp;E137</f>
        <v>Ｋ建材・資材</v>
      </c>
      <c r="G137" s="15" t="s">
        <v>65</v>
      </c>
      <c r="H137" s="16" t="s">
        <v>319</v>
      </c>
      <c r="I137" s="16" t="str">
        <f t="shared" si="2"/>
        <v>01　鋼材</v>
      </c>
      <c r="J137" s="17" t="s">
        <v>320</v>
      </c>
      <c r="K137" s="240"/>
    </row>
    <row r="138" spans="2:11" x14ac:dyDescent="0.25">
      <c r="B138" s="198"/>
      <c r="C138" s="201"/>
      <c r="D138" s="204"/>
      <c r="E138" s="213"/>
      <c r="F138" s="213"/>
      <c r="G138" s="18" t="s">
        <v>70</v>
      </c>
      <c r="H138" s="19" t="s">
        <v>321</v>
      </c>
      <c r="I138" s="16" t="str">
        <f t="shared" si="2"/>
        <v>02　金網</v>
      </c>
      <c r="J138" s="20"/>
      <c r="K138" s="236"/>
    </row>
    <row r="139" spans="2:11" x14ac:dyDescent="0.25">
      <c r="B139" s="198"/>
      <c r="C139" s="201"/>
      <c r="D139" s="204"/>
      <c r="E139" s="213"/>
      <c r="F139" s="213"/>
      <c r="G139" s="18" t="s">
        <v>73</v>
      </c>
      <c r="H139" s="19" t="s">
        <v>322</v>
      </c>
      <c r="I139" s="16" t="str">
        <f t="shared" si="2"/>
        <v>03　鉄鋼二次製品・非鉄金属</v>
      </c>
      <c r="J139" s="20" t="s">
        <v>323</v>
      </c>
      <c r="K139" s="236"/>
    </row>
    <row r="140" spans="2:11" x14ac:dyDescent="0.25">
      <c r="B140" s="198"/>
      <c r="C140" s="201"/>
      <c r="D140" s="204"/>
      <c r="E140" s="213"/>
      <c r="F140" s="213"/>
      <c r="G140" s="18" t="s">
        <v>76</v>
      </c>
      <c r="H140" s="19" t="s">
        <v>324</v>
      </c>
      <c r="I140" s="16" t="str">
        <f t="shared" si="2"/>
        <v>04　コンクリート・セメント</v>
      </c>
      <c r="J140" s="20" t="s">
        <v>325</v>
      </c>
      <c r="K140" s="236"/>
    </row>
    <row r="141" spans="2:11" x14ac:dyDescent="0.25">
      <c r="B141" s="198"/>
      <c r="C141" s="201"/>
      <c r="D141" s="204"/>
      <c r="E141" s="213"/>
      <c r="F141" s="213"/>
      <c r="G141" s="18" t="s">
        <v>79</v>
      </c>
      <c r="H141" s="19" t="s">
        <v>326</v>
      </c>
      <c r="I141" s="16" t="str">
        <f t="shared" si="2"/>
        <v>05　砕石・砂利</v>
      </c>
      <c r="J141" s="20" t="s">
        <v>327</v>
      </c>
      <c r="K141" s="236"/>
    </row>
    <row r="142" spans="2:11" x14ac:dyDescent="0.25">
      <c r="B142" s="198"/>
      <c r="C142" s="201"/>
      <c r="D142" s="204"/>
      <c r="E142" s="213"/>
      <c r="F142" s="213"/>
      <c r="G142" s="18" t="s">
        <v>82</v>
      </c>
      <c r="H142" s="19" t="s">
        <v>328</v>
      </c>
      <c r="I142" s="16" t="str">
        <f t="shared" si="2"/>
        <v>06　ブロック・レンガ</v>
      </c>
      <c r="J142" s="20"/>
      <c r="K142" s="236"/>
    </row>
    <row r="143" spans="2:11" x14ac:dyDescent="0.25">
      <c r="B143" s="198"/>
      <c r="C143" s="201"/>
      <c r="D143" s="204"/>
      <c r="E143" s="213"/>
      <c r="F143" s="213"/>
      <c r="G143" s="18" t="s">
        <v>85</v>
      </c>
      <c r="H143" s="19" t="s">
        <v>329</v>
      </c>
      <c r="I143" s="16" t="str">
        <f t="shared" si="2"/>
        <v>07　コンクリート二次製品</v>
      </c>
      <c r="J143" s="20"/>
      <c r="K143" s="236"/>
    </row>
    <row r="144" spans="2:11" x14ac:dyDescent="0.2">
      <c r="B144" s="198"/>
      <c r="C144" s="201"/>
      <c r="D144" s="204"/>
      <c r="E144" s="213"/>
      <c r="F144" s="213"/>
      <c r="G144" s="18" t="s">
        <v>88</v>
      </c>
      <c r="H144" s="19" t="s">
        <v>330</v>
      </c>
      <c r="I144" s="16" t="str">
        <f t="shared" si="2"/>
        <v>08　工業用ゴム製品</v>
      </c>
      <c r="J144" s="29" t="s">
        <v>331</v>
      </c>
      <c r="K144" s="236"/>
    </row>
    <row r="145" spans="2:11" x14ac:dyDescent="0.25">
      <c r="B145" s="198"/>
      <c r="C145" s="201"/>
      <c r="D145" s="204"/>
      <c r="E145" s="213"/>
      <c r="F145" s="213"/>
      <c r="G145" s="18" t="s">
        <v>90</v>
      </c>
      <c r="H145" s="19" t="s">
        <v>332</v>
      </c>
      <c r="I145" s="16" t="str">
        <f t="shared" si="2"/>
        <v>09　仮設資材</v>
      </c>
      <c r="J145" s="20" t="s">
        <v>333</v>
      </c>
      <c r="K145" s="236"/>
    </row>
    <row r="146" spans="2:11" x14ac:dyDescent="0.2">
      <c r="B146" s="198"/>
      <c r="C146" s="201"/>
      <c r="D146" s="204"/>
      <c r="E146" s="213"/>
      <c r="F146" s="213"/>
      <c r="G146" s="18" t="s">
        <v>114</v>
      </c>
      <c r="H146" s="19" t="s">
        <v>334</v>
      </c>
      <c r="I146" s="16" t="str">
        <f t="shared" si="2"/>
        <v>10　電線・絶縁材料</v>
      </c>
      <c r="J146" s="30"/>
      <c r="K146" s="236"/>
    </row>
    <row r="147" spans="2:11" x14ac:dyDescent="0.2">
      <c r="B147" s="198"/>
      <c r="C147" s="201"/>
      <c r="D147" s="204"/>
      <c r="E147" s="213"/>
      <c r="F147" s="213"/>
      <c r="G147" s="18" t="s">
        <v>117</v>
      </c>
      <c r="H147" s="19" t="s">
        <v>335</v>
      </c>
      <c r="I147" s="16" t="str">
        <f t="shared" si="2"/>
        <v>11　道路用品</v>
      </c>
      <c r="J147" s="29" t="s">
        <v>336</v>
      </c>
      <c r="K147" s="236"/>
    </row>
    <row r="148" spans="2:11" x14ac:dyDescent="0.25">
      <c r="B148" s="198"/>
      <c r="C148" s="201"/>
      <c r="D148" s="204"/>
      <c r="E148" s="213"/>
      <c r="F148" s="213"/>
      <c r="G148" s="18" t="s">
        <v>119</v>
      </c>
      <c r="H148" s="19" t="s">
        <v>337</v>
      </c>
      <c r="I148" s="16" t="str">
        <f t="shared" si="2"/>
        <v>12　水道用品</v>
      </c>
      <c r="J148" s="20"/>
      <c r="K148" s="236"/>
    </row>
    <row r="149" spans="2:11" x14ac:dyDescent="0.25">
      <c r="B149" s="198"/>
      <c r="C149" s="201"/>
      <c r="D149" s="204"/>
      <c r="E149" s="213"/>
      <c r="F149" s="213"/>
      <c r="G149" s="18" t="s">
        <v>160</v>
      </c>
      <c r="H149" s="19" t="s">
        <v>338</v>
      </c>
      <c r="I149" s="16" t="str">
        <f t="shared" si="2"/>
        <v>13　木材</v>
      </c>
      <c r="J149" s="20"/>
      <c r="K149" s="236"/>
    </row>
    <row r="150" spans="2:11" x14ac:dyDescent="0.25">
      <c r="B150" s="198"/>
      <c r="C150" s="201"/>
      <c r="D150" s="204"/>
      <c r="E150" s="213"/>
      <c r="F150" s="213"/>
      <c r="G150" s="18" t="s">
        <v>163</v>
      </c>
      <c r="H150" s="19" t="s">
        <v>339</v>
      </c>
      <c r="I150" s="16" t="str">
        <f t="shared" si="2"/>
        <v>14　ガラス</v>
      </c>
      <c r="J150" s="20"/>
      <c r="K150" s="236"/>
    </row>
    <row r="151" spans="2:11" x14ac:dyDescent="0.25">
      <c r="B151" s="198"/>
      <c r="C151" s="201"/>
      <c r="D151" s="204"/>
      <c r="E151" s="213"/>
      <c r="F151" s="213"/>
      <c r="G151" s="18" t="s">
        <v>206</v>
      </c>
      <c r="H151" s="19" t="s">
        <v>340</v>
      </c>
      <c r="I151" s="16" t="str">
        <f t="shared" si="2"/>
        <v>15　建具</v>
      </c>
      <c r="J151" s="20"/>
      <c r="K151" s="236"/>
    </row>
    <row r="152" spans="2:11" x14ac:dyDescent="0.25">
      <c r="B152" s="198"/>
      <c r="C152" s="201"/>
      <c r="D152" s="204"/>
      <c r="E152" s="213"/>
      <c r="F152" s="213"/>
      <c r="G152" s="18" t="s">
        <v>209</v>
      </c>
      <c r="H152" s="19" t="s">
        <v>341</v>
      </c>
      <c r="I152" s="16" t="str">
        <f t="shared" si="2"/>
        <v>16　建築金物</v>
      </c>
      <c r="J152" s="20"/>
      <c r="K152" s="236"/>
    </row>
    <row r="153" spans="2:11" x14ac:dyDescent="0.2">
      <c r="B153" s="198"/>
      <c r="C153" s="201"/>
      <c r="D153" s="204"/>
      <c r="E153" s="213"/>
      <c r="F153" s="213"/>
      <c r="G153" s="18" t="s">
        <v>211</v>
      </c>
      <c r="H153" s="19" t="s">
        <v>342</v>
      </c>
      <c r="I153" s="16" t="str">
        <f t="shared" si="2"/>
        <v>17　塗料</v>
      </c>
      <c r="J153" s="30"/>
      <c r="K153" s="236"/>
    </row>
    <row r="154" spans="2:11" x14ac:dyDescent="0.2">
      <c r="B154" s="198"/>
      <c r="C154" s="201"/>
      <c r="D154" s="204"/>
      <c r="E154" s="213"/>
      <c r="F154" s="213"/>
      <c r="G154" s="18" t="s">
        <v>213</v>
      </c>
      <c r="H154" s="19" t="s">
        <v>343</v>
      </c>
      <c r="I154" s="16" t="str">
        <f t="shared" si="2"/>
        <v>18　工具</v>
      </c>
      <c r="J154" s="30"/>
      <c r="K154" s="236"/>
    </row>
    <row r="155" spans="2:11" x14ac:dyDescent="0.25">
      <c r="B155" s="198"/>
      <c r="C155" s="201"/>
      <c r="D155" s="205"/>
      <c r="E155" s="214"/>
      <c r="F155" s="214"/>
      <c r="G155" s="21" t="s">
        <v>93</v>
      </c>
      <c r="H155" s="22" t="s">
        <v>94</v>
      </c>
      <c r="I155" s="16" t="str">
        <f t="shared" si="2"/>
        <v>99　その他</v>
      </c>
      <c r="J155" s="23"/>
      <c r="K155" s="237"/>
    </row>
    <row r="156" spans="2:11" x14ac:dyDescent="0.25">
      <c r="B156" s="198"/>
      <c r="C156" s="201"/>
      <c r="D156" s="203" t="s">
        <v>344</v>
      </c>
      <c r="E156" s="212" t="s">
        <v>345</v>
      </c>
      <c r="F156" s="212" t="str">
        <f>D156&amp;E156</f>
        <v>Ｌ書籍</v>
      </c>
      <c r="G156" s="15" t="s">
        <v>65</v>
      </c>
      <c r="H156" s="16" t="s">
        <v>346</v>
      </c>
      <c r="I156" s="16" t="str">
        <f t="shared" si="2"/>
        <v>01　図書</v>
      </c>
      <c r="J156" s="17"/>
      <c r="K156" s="240"/>
    </row>
    <row r="157" spans="2:11" x14ac:dyDescent="0.25">
      <c r="B157" s="198"/>
      <c r="C157" s="201"/>
      <c r="D157" s="204"/>
      <c r="E157" s="213"/>
      <c r="F157" s="213"/>
      <c r="G157" s="18" t="s">
        <v>70</v>
      </c>
      <c r="H157" s="19" t="s">
        <v>347</v>
      </c>
      <c r="I157" s="16" t="str">
        <f t="shared" si="2"/>
        <v>02　地図</v>
      </c>
      <c r="J157" s="20"/>
      <c r="K157" s="236"/>
    </row>
    <row r="158" spans="2:11" x14ac:dyDescent="0.25">
      <c r="B158" s="198"/>
      <c r="C158" s="201"/>
      <c r="D158" s="204"/>
      <c r="E158" s="213"/>
      <c r="F158" s="213"/>
      <c r="G158" s="18" t="s">
        <v>172</v>
      </c>
      <c r="H158" s="19" t="s">
        <v>348</v>
      </c>
      <c r="I158" s="16" t="str">
        <f t="shared" si="2"/>
        <v>03　雑誌・刊行物</v>
      </c>
      <c r="J158" s="20"/>
      <c r="K158" s="236"/>
    </row>
    <row r="159" spans="2:11" x14ac:dyDescent="0.25">
      <c r="B159" s="198"/>
      <c r="C159" s="201"/>
      <c r="D159" s="205"/>
      <c r="E159" s="214"/>
      <c r="F159" s="214"/>
      <c r="G159" s="21" t="s">
        <v>93</v>
      </c>
      <c r="H159" s="22" t="s">
        <v>94</v>
      </c>
      <c r="I159" s="16" t="str">
        <f t="shared" si="2"/>
        <v>99　その他</v>
      </c>
      <c r="J159" s="23"/>
      <c r="K159" s="237"/>
    </row>
    <row r="160" spans="2:11" x14ac:dyDescent="0.25">
      <c r="B160" s="198"/>
      <c r="C160" s="201"/>
      <c r="D160" s="203" t="s">
        <v>349</v>
      </c>
      <c r="E160" s="212" t="s">
        <v>350</v>
      </c>
      <c r="F160" s="212" t="str">
        <f>D160&amp;E160</f>
        <v>Ｍ看板・標識</v>
      </c>
      <c r="G160" s="15" t="s">
        <v>65</v>
      </c>
      <c r="H160" s="16" t="s">
        <v>34</v>
      </c>
      <c r="I160" s="16" t="str">
        <f t="shared" si="2"/>
        <v>01　看板</v>
      </c>
      <c r="J160" s="17" t="s">
        <v>351</v>
      </c>
      <c r="K160" s="240"/>
    </row>
    <row r="161" spans="2:11" x14ac:dyDescent="0.25">
      <c r="B161" s="198"/>
      <c r="C161" s="201"/>
      <c r="D161" s="204"/>
      <c r="E161" s="213"/>
      <c r="F161" s="213"/>
      <c r="G161" s="18" t="s">
        <v>70</v>
      </c>
      <c r="H161" s="19" t="s">
        <v>352</v>
      </c>
      <c r="I161" s="16" t="str">
        <f t="shared" si="2"/>
        <v>02　道路標識</v>
      </c>
      <c r="J161" s="20" t="s">
        <v>353</v>
      </c>
      <c r="K161" s="236"/>
    </row>
    <row r="162" spans="2:11" x14ac:dyDescent="0.25">
      <c r="B162" s="198"/>
      <c r="C162" s="201"/>
      <c r="D162" s="204"/>
      <c r="E162" s="213"/>
      <c r="F162" s="213"/>
      <c r="G162" s="18" t="s">
        <v>73</v>
      </c>
      <c r="H162" s="19" t="s">
        <v>354</v>
      </c>
      <c r="I162" s="16" t="str">
        <f t="shared" si="2"/>
        <v>03　掲示板・展示板</v>
      </c>
      <c r="J162" s="20"/>
      <c r="K162" s="236"/>
    </row>
    <row r="163" spans="2:11" x14ac:dyDescent="0.25">
      <c r="B163" s="198"/>
      <c r="C163" s="201"/>
      <c r="D163" s="204"/>
      <c r="E163" s="213"/>
      <c r="F163" s="213"/>
      <c r="G163" s="18" t="s">
        <v>76</v>
      </c>
      <c r="H163" s="19" t="s">
        <v>355</v>
      </c>
      <c r="I163" s="16" t="str">
        <f t="shared" si="2"/>
        <v>04　黒板</v>
      </c>
      <c r="J163" s="20" t="s">
        <v>356</v>
      </c>
      <c r="K163" s="236"/>
    </row>
    <row r="164" spans="2:11" x14ac:dyDescent="0.25">
      <c r="B164" s="198"/>
      <c r="C164" s="201"/>
      <c r="D164" s="204"/>
      <c r="E164" s="213"/>
      <c r="F164" s="213"/>
      <c r="G164" s="18" t="s">
        <v>79</v>
      </c>
      <c r="H164" s="19" t="s">
        <v>357</v>
      </c>
      <c r="I164" s="16" t="str">
        <f t="shared" si="2"/>
        <v>05　旗・横断幕</v>
      </c>
      <c r="J164" s="20" t="s">
        <v>358</v>
      </c>
      <c r="K164" s="236"/>
    </row>
    <row r="165" spans="2:11" x14ac:dyDescent="0.25">
      <c r="B165" s="198"/>
      <c r="C165" s="201"/>
      <c r="D165" s="204"/>
      <c r="E165" s="213"/>
      <c r="F165" s="213"/>
      <c r="G165" s="18" t="s">
        <v>82</v>
      </c>
      <c r="H165" s="19" t="s">
        <v>359</v>
      </c>
      <c r="I165" s="16" t="str">
        <f t="shared" si="2"/>
        <v>06　腕章・ステッカー</v>
      </c>
      <c r="J165" s="20"/>
      <c r="K165" s="236"/>
    </row>
    <row r="166" spans="2:11" x14ac:dyDescent="0.25">
      <c r="B166" s="198"/>
      <c r="C166" s="201"/>
      <c r="D166" s="205"/>
      <c r="E166" s="214"/>
      <c r="F166" s="214"/>
      <c r="G166" s="21" t="s">
        <v>93</v>
      </c>
      <c r="H166" s="22" t="s">
        <v>94</v>
      </c>
      <c r="I166" s="16" t="str">
        <f t="shared" si="2"/>
        <v>99　その他</v>
      </c>
      <c r="J166" s="23"/>
      <c r="K166" s="237"/>
    </row>
    <row r="167" spans="2:11" ht="82.5" customHeight="1" x14ac:dyDescent="0.25">
      <c r="B167" s="198"/>
      <c r="C167" s="201"/>
      <c r="D167" s="203" t="s">
        <v>360</v>
      </c>
      <c r="E167" s="212" t="s">
        <v>361</v>
      </c>
      <c r="F167" s="212" t="str">
        <f>D167&amp;E167</f>
        <v>Ｎ警察消防用品</v>
      </c>
      <c r="G167" s="15" t="s">
        <v>65</v>
      </c>
      <c r="H167" s="16" t="s">
        <v>362</v>
      </c>
      <c r="I167" s="16" t="str">
        <f t="shared" si="2"/>
        <v>01　警察装備</v>
      </c>
      <c r="J167" s="17" t="s">
        <v>363</v>
      </c>
      <c r="K167" s="240"/>
    </row>
    <row r="168" spans="2:11" x14ac:dyDescent="0.25">
      <c r="B168" s="198"/>
      <c r="C168" s="201"/>
      <c r="D168" s="204"/>
      <c r="E168" s="213"/>
      <c r="F168" s="213"/>
      <c r="G168" s="18" t="s">
        <v>70</v>
      </c>
      <c r="H168" s="19" t="s">
        <v>364</v>
      </c>
      <c r="I168" s="16" t="str">
        <f t="shared" si="2"/>
        <v>02　警察器具</v>
      </c>
      <c r="J168" s="20" t="s">
        <v>365</v>
      </c>
      <c r="K168" s="236"/>
    </row>
    <row r="169" spans="2:11" ht="13.5" customHeight="1" x14ac:dyDescent="0.25">
      <c r="B169" s="198"/>
      <c r="C169" s="201"/>
      <c r="D169" s="204"/>
      <c r="E169" s="213"/>
      <c r="F169" s="213"/>
      <c r="G169" s="18" t="s">
        <v>73</v>
      </c>
      <c r="H169" s="19" t="s">
        <v>366</v>
      </c>
      <c r="I169" s="16" t="str">
        <f t="shared" si="2"/>
        <v>03　消火器</v>
      </c>
      <c r="J169" s="20" t="s">
        <v>367</v>
      </c>
      <c r="K169" s="236"/>
    </row>
    <row r="170" spans="2:11" x14ac:dyDescent="0.25">
      <c r="B170" s="198"/>
      <c r="C170" s="201"/>
      <c r="D170" s="204"/>
      <c r="E170" s="213"/>
      <c r="F170" s="213"/>
      <c r="G170" s="18" t="s">
        <v>76</v>
      </c>
      <c r="H170" s="19" t="s">
        <v>368</v>
      </c>
      <c r="I170" s="16" t="str">
        <f t="shared" si="2"/>
        <v>04　消防器具</v>
      </c>
      <c r="J170" s="27" t="s">
        <v>369</v>
      </c>
      <c r="K170" s="236"/>
    </row>
    <row r="171" spans="2:11" x14ac:dyDescent="0.25">
      <c r="B171" s="198"/>
      <c r="C171" s="201"/>
      <c r="D171" s="204"/>
      <c r="E171" s="213"/>
      <c r="F171" s="213"/>
      <c r="G171" s="18" t="s">
        <v>79</v>
      </c>
      <c r="H171" s="19" t="s">
        <v>370</v>
      </c>
      <c r="I171" s="16" t="str">
        <f t="shared" si="2"/>
        <v>05　避難救助器具</v>
      </c>
      <c r="J171" s="20"/>
      <c r="K171" s="236"/>
    </row>
    <row r="172" spans="2:11" x14ac:dyDescent="0.25">
      <c r="B172" s="198"/>
      <c r="C172" s="201"/>
      <c r="D172" s="204"/>
      <c r="E172" s="213"/>
      <c r="F172" s="213"/>
      <c r="G172" s="18" t="s">
        <v>82</v>
      </c>
      <c r="H172" s="19" t="s">
        <v>371</v>
      </c>
      <c r="I172" s="16" t="str">
        <f t="shared" si="2"/>
        <v>06　防火服</v>
      </c>
      <c r="J172" s="20" t="s">
        <v>372</v>
      </c>
      <c r="K172" s="236"/>
    </row>
    <row r="173" spans="2:11" x14ac:dyDescent="0.25">
      <c r="B173" s="198"/>
      <c r="C173" s="201"/>
      <c r="D173" s="205"/>
      <c r="E173" s="214"/>
      <c r="F173" s="214"/>
      <c r="G173" s="21" t="s">
        <v>93</v>
      </c>
      <c r="H173" s="22" t="s">
        <v>94</v>
      </c>
      <c r="I173" s="16" t="str">
        <f t="shared" si="2"/>
        <v>99　その他</v>
      </c>
      <c r="J173" s="23"/>
      <c r="K173" s="237"/>
    </row>
    <row r="174" spans="2:11" x14ac:dyDescent="0.25">
      <c r="B174" s="198"/>
      <c r="C174" s="201"/>
      <c r="D174" s="203" t="s">
        <v>373</v>
      </c>
      <c r="E174" s="212" t="s">
        <v>374</v>
      </c>
      <c r="F174" s="212" t="str">
        <f>D174&amp;E174</f>
        <v>Ｏ動植物</v>
      </c>
      <c r="G174" s="15" t="s">
        <v>65</v>
      </c>
      <c r="H174" s="16" t="s">
        <v>375</v>
      </c>
      <c r="I174" s="16" t="str">
        <f t="shared" si="2"/>
        <v>01　植物</v>
      </c>
      <c r="J174" s="17" t="s">
        <v>376</v>
      </c>
      <c r="K174" s="235" t="s">
        <v>377</v>
      </c>
    </row>
    <row r="175" spans="2:11" x14ac:dyDescent="0.25">
      <c r="B175" s="198"/>
      <c r="C175" s="201"/>
      <c r="D175" s="204"/>
      <c r="E175" s="213"/>
      <c r="F175" s="213"/>
      <c r="G175" s="18" t="s">
        <v>70</v>
      </c>
      <c r="H175" s="19" t="s">
        <v>378</v>
      </c>
      <c r="I175" s="16" t="str">
        <f t="shared" si="2"/>
        <v>02　農業園芸資材</v>
      </c>
      <c r="J175" s="20" t="s">
        <v>379</v>
      </c>
      <c r="K175" s="236"/>
    </row>
    <row r="176" spans="2:11" x14ac:dyDescent="0.25">
      <c r="B176" s="198"/>
      <c r="C176" s="201"/>
      <c r="D176" s="204"/>
      <c r="E176" s="213"/>
      <c r="F176" s="213"/>
      <c r="G176" s="18" t="s">
        <v>73</v>
      </c>
      <c r="H176" s="19" t="s">
        <v>380</v>
      </c>
      <c r="I176" s="16" t="str">
        <f t="shared" si="2"/>
        <v>03　動物</v>
      </c>
      <c r="J176" s="20" t="s">
        <v>381</v>
      </c>
      <c r="K176" s="236"/>
    </row>
    <row r="177" spans="2:11" x14ac:dyDescent="0.25">
      <c r="B177" s="198"/>
      <c r="C177" s="201"/>
      <c r="D177" s="204"/>
      <c r="E177" s="213"/>
      <c r="F177" s="213"/>
      <c r="G177" s="18" t="s">
        <v>76</v>
      </c>
      <c r="H177" s="19" t="s">
        <v>382</v>
      </c>
      <c r="I177" s="16" t="str">
        <f t="shared" si="2"/>
        <v>04　飼料</v>
      </c>
      <c r="J177" s="20"/>
      <c r="K177" s="236"/>
    </row>
    <row r="178" spans="2:11" x14ac:dyDescent="0.25">
      <c r="B178" s="198"/>
      <c r="C178" s="201"/>
      <c r="D178" s="205"/>
      <c r="E178" s="214"/>
      <c r="F178" s="214"/>
      <c r="G178" s="21" t="s">
        <v>93</v>
      </c>
      <c r="H178" s="22" t="s">
        <v>94</v>
      </c>
      <c r="I178" s="16" t="str">
        <f t="shared" si="2"/>
        <v>99　その他</v>
      </c>
      <c r="J178" s="23"/>
      <c r="K178" s="237"/>
    </row>
    <row r="179" spans="2:11" x14ac:dyDescent="0.25">
      <c r="B179" s="198"/>
      <c r="C179" s="201"/>
      <c r="D179" s="203" t="s">
        <v>383</v>
      </c>
      <c r="E179" s="212" t="s">
        <v>384</v>
      </c>
      <c r="F179" s="212" t="str">
        <f>D179&amp;E179</f>
        <v>Ｐ食料品</v>
      </c>
      <c r="G179" s="15" t="s">
        <v>65</v>
      </c>
      <c r="H179" s="16" t="s">
        <v>384</v>
      </c>
      <c r="I179" s="16" t="str">
        <f t="shared" si="2"/>
        <v>01　食料品</v>
      </c>
      <c r="J179" s="17" t="s">
        <v>385</v>
      </c>
      <c r="K179" s="240"/>
    </row>
    <row r="180" spans="2:11" x14ac:dyDescent="0.25">
      <c r="B180" s="198"/>
      <c r="C180" s="201"/>
      <c r="D180" s="204"/>
      <c r="E180" s="213"/>
      <c r="F180" s="213"/>
      <c r="G180" s="18" t="s">
        <v>70</v>
      </c>
      <c r="H180" s="19" t="s">
        <v>386</v>
      </c>
      <c r="I180" s="16" t="str">
        <f t="shared" si="2"/>
        <v>02　災害用備蓄食料</v>
      </c>
      <c r="J180" s="20"/>
      <c r="K180" s="236"/>
    </row>
    <row r="181" spans="2:11" x14ac:dyDescent="0.25">
      <c r="B181" s="198"/>
      <c r="C181" s="201"/>
      <c r="D181" s="204"/>
      <c r="E181" s="213"/>
      <c r="F181" s="213"/>
      <c r="G181" s="18" t="s">
        <v>73</v>
      </c>
      <c r="H181" s="19" t="s">
        <v>387</v>
      </c>
      <c r="I181" s="16" t="str">
        <f t="shared" si="2"/>
        <v>03　弁当</v>
      </c>
      <c r="J181" s="20"/>
      <c r="K181" s="236"/>
    </row>
    <row r="182" spans="2:11" x14ac:dyDescent="0.25">
      <c r="B182" s="198"/>
      <c r="C182" s="201"/>
      <c r="D182" s="205"/>
      <c r="E182" s="214"/>
      <c r="F182" s="214"/>
      <c r="G182" s="21" t="s">
        <v>93</v>
      </c>
      <c r="H182" s="22" t="s">
        <v>94</v>
      </c>
      <c r="I182" s="16" t="str">
        <f t="shared" si="2"/>
        <v>99　その他</v>
      </c>
      <c r="J182" s="23"/>
      <c r="K182" s="237"/>
    </row>
    <row r="183" spans="2:11" x14ac:dyDescent="0.25">
      <c r="B183" s="198"/>
      <c r="C183" s="201"/>
      <c r="D183" s="203" t="s">
        <v>388</v>
      </c>
      <c r="E183" s="212" t="s">
        <v>389</v>
      </c>
      <c r="F183" s="212" t="str">
        <f>D183&amp;E183</f>
        <v>Zその他物品</v>
      </c>
      <c r="G183" s="15" t="s">
        <v>65</v>
      </c>
      <c r="H183" s="16" t="s">
        <v>390</v>
      </c>
      <c r="I183" s="16" t="str">
        <f t="shared" si="2"/>
        <v>01　教材</v>
      </c>
      <c r="J183" s="17"/>
      <c r="K183" s="240"/>
    </row>
    <row r="184" spans="2:11" x14ac:dyDescent="0.25">
      <c r="B184" s="198"/>
      <c r="C184" s="201"/>
      <c r="D184" s="204"/>
      <c r="E184" s="213"/>
      <c r="F184" s="213"/>
      <c r="G184" s="18" t="s">
        <v>70</v>
      </c>
      <c r="H184" s="19" t="s">
        <v>391</v>
      </c>
      <c r="I184" s="16" t="str">
        <f t="shared" si="2"/>
        <v>02　教育機器</v>
      </c>
      <c r="J184" s="20"/>
      <c r="K184" s="236"/>
    </row>
    <row r="185" spans="2:11" x14ac:dyDescent="0.25">
      <c r="B185" s="198"/>
      <c r="C185" s="201"/>
      <c r="D185" s="204"/>
      <c r="E185" s="213"/>
      <c r="F185" s="213"/>
      <c r="G185" s="18" t="s">
        <v>73</v>
      </c>
      <c r="H185" s="19" t="s">
        <v>392</v>
      </c>
      <c r="I185" s="16" t="str">
        <f t="shared" si="2"/>
        <v>03　遊具</v>
      </c>
      <c r="J185" s="20"/>
      <c r="K185" s="236"/>
    </row>
    <row r="186" spans="2:11" x14ac:dyDescent="0.25">
      <c r="B186" s="198"/>
      <c r="C186" s="201"/>
      <c r="D186" s="204"/>
      <c r="E186" s="213"/>
      <c r="F186" s="213"/>
      <c r="G186" s="18" t="s">
        <v>76</v>
      </c>
      <c r="H186" s="19" t="s">
        <v>393</v>
      </c>
      <c r="I186" s="16" t="str">
        <f t="shared" si="2"/>
        <v>04　模型・標本</v>
      </c>
      <c r="J186" s="20"/>
      <c r="K186" s="236"/>
    </row>
    <row r="187" spans="2:11" x14ac:dyDescent="0.25">
      <c r="B187" s="198"/>
      <c r="C187" s="201"/>
      <c r="D187" s="204"/>
      <c r="E187" s="213"/>
      <c r="F187" s="213"/>
      <c r="G187" s="18" t="s">
        <v>79</v>
      </c>
      <c r="H187" s="19" t="s">
        <v>394</v>
      </c>
      <c r="I187" s="16" t="str">
        <f t="shared" si="2"/>
        <v>05　運動器具・用品</v>
      </c>
      <c r="J187" s="20" t="s">
        <v>395</v>
      </c>
      <c r="K187" s="236"/>
    </row>
    <row r="188" spans="2:11" x14ac:dyDescent="0.25">
      <c r="B188" s="198"/>
      <c r="C188" s="201"/>
      <c r="D188" s="204"/>
      <c r="E188" s="213"/>
      <c r="F188" s="213"/>
      <c r="G188" s="18" t="s">
        <v>82</v>
      </c>
      <c r="H188" s="19" t="s">
        <v>396</v>
      </c>
      <c r="I188" s="16" t="str">
        <f t="shared" si="2"/>
        <v>06　武道用品</v>
      </c>
      <c r="J188" s="20" t="s">
        <v>397</v>
      </c>
      <c r="K188" s="236"/>
    </row>
    <row r="189" spans="2:11" x14ac:dyDescent="0.25">
      <c r="B189" s="198"/>
      <c r="C189" s="201"/>
      <c r="D189" s="204"/>
      <c r="E189" s="213"/>
      <c r="F189" s="213"/>
      <c r="G189" s="18" t="s">
        <v>85</v>
      </c>
      <c r="H189" s="19" t="s">
        <v>398</v>
      </c>
      <c r="I189" s="16" t="str">
        <f t="shared" si="2"/>
        <v>07　アウトドア用品</v>
      </c>
      <c r="J189" s="20" t="s">
        <v>399</v>
      </c>
      <c r="K189" s="236"/>
    </row>
    <row r="190" spans="2:11" x14ac:dyDescent="0.25">
      <c r="B190" s="198"/>
      <c r="C190" s="201"/>
      <c r="D190" s="204"/>
      <c r="E190" s="213"/>
      <c r="F190" s="213"/>
      <c r="G190" s="18" t="s">
        <v>88</v>
      </c>
      <c r="H190" s="19" t="s">
        <v>400</v>
      </c>
      <c r="I190" s="16" t="str">
        <f t="shared" si="2"/>
        <v>08　楽器・楽譜</v>
      </c>
      <c r="J190" s="20" t="s">
        <v>401</v>
      </c>
      <c r="K190" s="236"/>
    </row>
    <row r="191" spans="2:11" x14ac:dyDescent="0.25">
      <c r="B191" s="198"/>
      <c r="C191" s="201"/>
      <c r="D191" s="204"/>
      <c r="E191" s="213"/>
      <c r="F191" s="213"/>
      <c r="G191" s="18" t="s">
        <v>90</v>
      </c>
      <c r="H191" s="19" t="s">
        <v>402</v>
      </c>
      <c r="I191" s="16" t="str">
        <f t="shared" si="2"/>
        <v>09　CD・レコード</v>
      </c>
      <c r="J191" s="20" t="s">
        <v>403</v>
      </c>
      <c r="K191" s="236"/>
    </row>
    <row r="192" spans="2:11" x14ac:dyDescent="0.25">
      <c r="B192" s="198"/>
      <c r="C192" s="201"/>
      <c r="D192" s="204"/>
      <c r="E192" s="213"/>
      <c r="F192" s="213"/>
      <c r="G192" s="18" t="s">
        <v>114</v>
      </c>
      <c r="H192" s="19" t="s">
        <v>404</v>
      </c>
      <c r="I192" s="16" t="str">
        <f t="shared" si="2"/>
        <v>10　映像ソフト</v>
      </c>
      <c r="J192" s="20"/>
      <c r="K192" s="236"/>
    </row>
    <row r="193" spans="2:11" x14ac:dyDescent="0.25">
      <c r="B193" s="198"/>
      <c r="C193" s="201"/>
      <c r="D193" s="204"/>
      <c r="E193" s="213"/>
      <c r="F193" s="213"/>
      <c r="G193" s="18" t="s">
        <v>117</v>
      </c>
      <c r="H193" s="19" t="s">
        <v>405</v>
      </c>
      <c r="I193" s="16" t="str">
        <f t="shared" si="2"/>
        <v>11　娯楽用品</v>
      </c>
      <c r="J193" s="20" t="s">
        <v>406</v>
      </c>
      <c r="K193" s="236"/>
    </row>
    <row r="194" spans="2:11" x14ac:dyDescent="0.25">
      <c r="B194" s="198"/>
      <c r="C194" s="201"/>
      <c r="D194" s="204"/>
      <c r="E194" s="213"/>
      <c r="F194" s="213"/>
      <c r="G194" s="18" t="s">
        <v>119</v>
      </c>
      <c r="H194" s="19" t="s">
        <v>407</v>
      </c>
      <c r="I194" s="16" t="str">
        <f t="shared" si="2"/>
        <v>12　制服</v>
      </c>
      <c r="J194" s="20" t="s">
        <v>408</v>
      </c>
      <c r="K194" s="236"/>
    </row>
    <row r="195" spans="2:11" x14ac:dyDescent="0.25">
      <c r="B195" s="198"/>
      <c r="C195" s="201"/>
      <c r="D195" s="204"/>
      <c r="E195" s="213"/>
      <c r="F195" s="213"/>
      <c r="G195" s="18" t="s">
        <v>160</v>
      </c>
      <c r="H195" s="19" t="s">
        <v>409</v>
      </c>
      <c r="I195" s="16" t="str">
        <f t="shared" si="2"/>
        <v>13　作業服</v>
      </c>
      <c r="J195" s="20" t="s">
        <v>410</v>
      </c>
      <c r="K195" s="236"/>
    </row>
    <row r="196" spans="2:11" x14ac:dyDescent="0.25">
      <c r="B196" s="198"/>
      <c r="C196" s="201"/>
      <c r="D196" s="204"/>
      <c r="E196" s="213"/>
      <c r="F196" s="213"/>
      <c r="G196" s="18" t="s">
        <v>163</v>
      </c>
      <c r="H196" s="19" t="s">
        <v>411</v>
      </c>
      <c r="I196" s="16" t="str">
        <f t="shared" si="2"/>
        <v>14　白衣</v>
      </c>
      <c r="J196" s="20" t="s">
        <v>412</v>
      </c>
      <c r="K196" s="236"/>
    </row>
    <row r="197" spans="2:11" x14ac:dyDescent="0.25">
      <c r="B197" s="198"/>
      <c r="C197" s="201"/>
      <c r="D197" s="204"/>
      <c r="E197" s="213"/>
      <c r="F197" s="213"/>
      <c r="G197" s="18" t="s">
        <v>206</v>
      </c>
      <c r="H197" s="19" t="s">
        <v>413</v>
      </c>
      <c r="I197" s="16" t="str">
        <f t="shared" ref="I197:I260" si="3">G197&amp;$A$10&amp;H197</f>
        <v>15　雨具</v>
      </c>
      <c r="J197" s="20" t="s">
        <v>414</v>
      </c>
      <c r="K197" s="236"/>
    </row>
    <row r="198" spans="2:11" x14ac:dyDescent="0.25">
      <c r="B198" s="198"/>
      <c r="C198" s="201"/>
      <c r="D198" s="204"/>
      <c r="E198" s="213"/>
      <c r="F198" s="213"/>
      <c r="G198" s="18" t="s">
        <v>209</v>
      </c>
      <c r="H198" s="19" t="s">
        <v>415</v>
      </c>
      <c r="I198" s="16" t="str">
        <f t="shared" si="3"/>
        <v>16　寝具</v>
      </c>
      <c r="J198" s="20" t="s">
        <v>416</v>
      </c>
      <c r="K198" s="236"/>
    </row>
    <row r="199" spans="2:11" x14ac:dyDescent="0.25">
      <c r="B199" s="198"/>
      <c r="C199" s="201"/>
      <c r="D199" s="204"/>
      <c r="E199" s="213"/>
      <c r="F199" s="213"/>
      <c r="G199" s="18" t="s">
        <v>211</v>
      </c>
      <c r="H199" s="19" t="s">
        <v>417</v>
      </c>
      <c r="I199" s="16" t="str">
        <f t="shared" si="3"/>
        <v>17　その他衣料品</v>
      </c>
      <c r="J199" s="20" t="s">
        <v>418</v>
      </c>
      <c r="K199" s="236"/>
    </row>
    <row r="200" spans="2:11" x14ac:dyDescent="0.25">
      <c r="B200" s="198"/>
      <c r="C200" s="201"/>
      <c r="D200" s="204"/>
      <c r="E200" s="213"/>
      <c r="F200" s="213"/>
      <c r="G200" s="18" t="s">
        <v>213</v>
      </c>
      <c r="H200" s="19" t="s">
        <v>419</v>
      </c>
      <c r="I200" s="16" t="str">
        <f t="shared" si="3"/>
        <v>18　靴</v>
      </c>
      <c r="J200" s="20" t="s">
        <v>420</v>
      </c>
      <c r="K200" s="236"/>
    </row>
    <row r="201" spans="2:11" x14ac:dyDescent="0.25">
      <c r="B201" s="198"/>
      <c r="C201" s="201"/>
      <c r="D201" s="204"/>
      <c r="E201" s="213"/>
      <c r="F201" s="213"/>
      <c r="G201" s="18" t="s">
        <v>215</v>
      </c>
      <c r="H201" s="19" t="s">
        <v>421</v>
      </c>
      <c r="I201" s="16" t="str">
        <f t="shared" si="3"/>
        <v>19　かばん</v>
      </c>
      <c r="J201" s="20"/>
      <c r="K201" s="236"/>
    </row>
    <row r="202" spans="2:11" x14ac:dyDescent="0.25">
      <c r="B202" s="198"/>
      <c r="C202" s="201"/>
      <c r="D202" s="204"/>
      <c r="E202" s="213"/>
      <c r="F202" s="213"/>
      <c r="G202" s="18" t="s">
        <v>217</v>
      </c>
      <c r="H202" s="19" t="s">
        <v>422</v>
      </c>
      <c r="I202" s="16" t="str">
        <f t="shared" si="3"/>
        <v>20　手芸用品</v>
      </c>
      <c r="J202" s="20"/>
      <c r="K202" s="236"/>
    </row>
    <row r="203" spans="2:11" x14ac:dyDescent="0.25">
      <c r="B203" s="198"/>
      <c r="C203" s="201"/>
      <c r="D203" s="204"/>
      <c r="E203" s="213"/>
      <c r="F203" s="213"/>
      <c r="G203" s="18" t="s">
        <v>219</v>
      </c>
      <c r="H203" s="19" t="s">
        <v>423</v>
      </c>
      <c r="I203" s="16" t="str">
        <f t="shared" si="3"/>
        <v>21　作業保安用品</v>
      </c>
      <c r="J203" s="20" t="s">
        <v>424</v>
      </c>
      <c r="K203" s="236"/>
    </row>
    <row r="204" spans="2:11" x14ac:dyDescent="0.25">
      <c r="B204" s="198"/>
      <c r="C204" s="201"/>
      <c r="D204" s="204"/>
      <c r="E204" s="213"/>
      <c r="F204" s="213"/>
      <c r="G204" s="24" t="s">
        <v>221</v>
      </c>
      <c r="H204" s="25" t="s">
        <v>425</v>
      </c>
      <c r="I204" s="16" t="str">
        <f t="shared" si="3"/>
        <v>22　防災用品</v>
      </c>
      <c r="J204" s="31"/>
      <c r="K204" s="236"/>
    </row>
    <row r="205" spans="2:11" x14ac:dyDescent="0.25">
      <c r="B205" s="198"/>
      <c r="C205" s="201"/>
      <c r="D205" s="204"/>
      <c r="E205" s="213"/>
      <c r="F205" s="213"/>
      <c r="G205" s="18" t="s">
        <v>223</v>
      </c>
      <c r="H205" s="19" t="s">
        <v>426</v>
      </c>
      <c r="I205" s="16" t="str">
        <f t="shared" si="3"/>
        <v>23　家庭用金物</v>
      </c>
      <c r="J205" s="20" t="s">
        <v>427</v>
      </c>
      <c r="K205" s="236"/>
    </row>
    <row r="206" spans="2:11" x14ac:dyDescent="0.25">
      <c r="B206" s="198"/>
      <c r="C206" s="201"/>
      <c r="D206" s="204"/>
      <c r="E206" s="213"/>
      <c r="F206" s="213"/>
      <c r="G206" s="18" t="s">
        <v>225</v>
      </c>
      <c r="H206" s="19" t="s">
        <v>428</v>
      </c>
      <c r="I206" s="16" t="str">
        <f t="shared" si="3"/>
        <v>24　調理・厨房用品</v>
      </c>
      <c r="J206" s="20" t="s">
        <v>429</v>
      </c>
      <c r="K206" s="236"/>
    </row>
    <row r="207" spans="2:11" x14ac:dyDescent="0.25">
      <c r="B207" s="198"/>
      <c r="C207" s="201"/>
      <c r="D207" s="204"/>
      <c r="E207" s="213"/>
      <c r="F207" s="213"/>
      <c r="G207" s="18" t="s">
        <v>430</v>
      </c>
      <c r="H207" s="19" t="s">
        <v>431</v>
      </c>
      <c r="I207" s="16" t="str">
        <f t="shared" si="3"/>
        <v>25　ゴミ袋</v>
      </c>
      <c r="J207" s="20"/>
      <c r="K207" s="236"/>
    </row>
    <row r="208" spans="2:11" x14ac:dyDescent="0.25">
      <c r="B208" s="198"/>
      <c r="C208" s="201"/>
      <c r="D208" s="204"/>
      <c r="E208" s="213"/>
      <c r="F208" s="213"/>
      <c r="G208" s="18" t="s">
        <v>432</v>
      </c>
      <c r="H208" s="19" t="s">
        <v>433</v>
      </c>
      <c r="I208" s="16" t="str">
        <f t="shared" si="3"/>
        <v>26　トイレットペーパー</v>
      </c>
      <c r="J208" s="20"/>
      <c r="K208" s="236"/>
    </row>
    <row r="209" spans="2:11" x14ac:dyDescent="0.25">
      <c r="B209" s="198"/>
      <c r="C209" s="201"/>
      <c r="D209" s="204"/>
      <c r="E209" s="213"/>
      <c r="F209" s="213"/>
      <c r="G209" s="18" t="s">
        <v>434</v>
      </c>
      <c r="H209" s="19" t="s">
        <v>435</v>
      </c>
      <c r="I209" s="16" t="str">
        <f t="shared" si="3"/>
        <v>27　石けん・洗剤</v>
      </c>
      <c r="J209" s="20"/>
      <c r="K209" s="236"/>
    </row>
    <row r="210" spans="2:11" x14ac:dyDescent="0.25">
      <c r="B210" s="198"/>
      <c r="C210" s="201"/>
      <c r="D210" s="204"/>
      <c r="E210" s="213"/>
      <c r="F210" s="213"/>
      <c r="G210" s="18" t="s">
        <v>436</v>
      </c>
      <c r="H210" s="19" t="s">
        <v>437</v>
      </c>
      <c r="I210" s="16" t="str">
        <f t="shared" si="3"/>
        <v>28　清掃用具・用品</v>
      </c>
      <c r="J210" s="20" t="s">
        <v>438</v>
      </c>
      <c r="K210" s="236"/>
    </row>
    <row r="211" spans="2:11" x14ac:dyDescent="0.25">
      <c r="B211" s="198"/>
      <c r="C211" s="201"/>
      <c r="D211" s="204"/>
      <c r="E211" s="213"/>
      <c r="F211" s="213"/>
      <c r="G211" s="18" t="s">
        <v>439</v>
      </c>
      <c r="H211" s="19" t="s">
        <v>440</v>
      </c>
      <c r="I211" s="16" t="str">
        <f t="shared" si="3"/>
        <v>29　食器・花器</v>
      </c>
      <c r="J211" s="20"/>
      <c r="K211" s="236"/>
    </row>
    <row r="212" spans="2:11" x14ac:dyDescent="0.25">
      <c r="B212" s="198"/>
      <c r="C212" s="201"/>
      <c r="D212" s="204"/>
      <c r="E212" s="213"/>
      <c r="F212" s="213"/>
      <c r="G212" s="18" t="s">
        <v>441</v>
      </c>
      <c r="H212" s="19" t="s">
        <v>442</v>
      </c>
      <c r="I212" s="16" t="str">
        <f t="shared" si="3"/>
        <v>30　その他雑貨</v>
      </c>
      <c r="J212" s="20" t="s">
        <v>443</v>
      </c>
      <c r="K212" s="236"/>
    </row>
    <row r="213" spans="2:11" x14ac:dyDescent="0.25">
      <c r="B213" s="198"/>
      <c r="C213" s="201"/>
      <c r="D213" s="204"/>
      <c r="E213" s="213"/>
      <c r="F213" s="213"/>
      <c r="G213" s="18" t="s">
        <v>444</v>
      </c>
      <c r="H213" s="19" t="s">
        <v>445</v>
      </c>
      <c r="I213" s="16" t="str">
        <f t="shared" si="3"/>
        <v>31　記章・記念品</v>
      </c>
      <c r="J213" s="20" t="s">
        <v>446</v>
      </c>
      <c r="K213" s="236"/>
    </row>
    <row r="214" spans="2:11" x14ac:dyDescent="0.25">
      <c r="B214" s="198"/>
      <c r="C214" s="201"/>
      <c r="D214" s="204"/>
      <c r="E214" s="213"/>
      <c r="F214" s="213"/>
      <c r="G214" s="18" t="s">
        <v>447</v>
      </c>
      <c r="H214" s="19" t="s">
        <v>448</v>
      </c>
      <c r="I214" s="16" t="str">
        <f t="shared" si="3"/>
        <v>32　装飾品</v>
      </c>
      <c r="J214" s="20" t="s">
        <v>449</v>
      </c>
      <c r="K214" s="236"/>
    </row>
    <row r="215" spans="2:11" x14ac:dyDescent="0.25">
      <c r="B215" s="198"/>
      <c r="C215" s="201"/>
      <c r="D215" s="204"/>
      <c r="E215" s="213"/>
      <c r="F215" s="213"/>
      <c r="G215" s="18" t="s">
        <v>450</v>
      </c>
      <c r="H215" s="19" t="s">
        <v>451</v>
      </c>
      <c r="I215" s="16" t="str">
        <f t="shared" si="3"/>
        <v>33　金券</v>
      </c>
      <c r="J215" s="20" t="s">
        <v>452</v>
      </c>
      <c r="K215" s="236"/>
    </row>
    <row r="216" spans="2:11" x14ac:dyDescent="0.2">
      <c r="B216" s="198"/>
      <c r="C216" s="202"/>
      <c r="D216" s="205"/>
      <c r="E216" s="214"/>
      <c r="F216" s="214"/>
      <c r="G216" s="21" t="s">
        <v>93</v>
      </c>
      <c r="H216" s="22" t="s">
        <v>453</v>
      </c>
      <c r="I216" s="16" t="str">
        <f t="shared" si="3"/>
        <v>99　その他</v>
      </c>
      <c r="J216" s="32"/>
      <c r="K216" s="237"/>
    </row>
    <row r="217" spans="2:11" x14ac:dyDescent="0.25">
      <c r="B217" s="198"/>
      <c r="C217" s="33" t="s">
        <v>70</v>
      </c>
      <c r="D217" s="203" t="s">
        <v>66</v>
      </c>
      <c r="E217" s="212" t="s">
        <v>454</v>
      </c>
      <c r="F217" s="212" t="str">
        <f>D217&amp;E217</f>
        <v>Aレンタル・リース</v>
      </c>
      <c r="G217" s="15" t="s">
        <v>65</v>
      </c>
      <c r="H217" s="16" t="s">
        <v>86</v>
      </c>
      <c r="I217" s="16" t="str">
        <f t="shared" si="3"/>
        <v>01　事務機器</v>
      </c>
      <c r="J217" s="34"/>
      <c r="K217" s="235" t="s">
        <v>455</v>
      </c>
    </row>
    <row r="218" spans="2:11" x14ac:dyDescent="0.2">
      <c r="B218" s="198"/>
      <c r="C218" s="198" t="s">
        <v>454</v>
      </c>
      <c r="D218" s="204"/>
      <c r="E218" s="213"/>
      <c r="F218" s="213"/>
      <c r="G218" s="18" t="s">
        <v>70</v>
      </c>
      <c r="H218" s="19" t="s">
        <v>456</v>
      </c>
      <c r="I218" s="16" t="str">
        <f t="shared" si="3"/>
        <v>02　家具・室内装飾</v>
      </c>
      <c r="J218" s="29" t="s">
        <v>457</v>
      </c>
      <c r="K218" s="236"/>
    </row>
    <row r="219" spans="2:11" x14ac:dyDescent="0.2">
      <c r="B219" s="198"/>
      <c r="C219" s="198"/>
      <c r="D219" s="204"/>
      <c r="E219" s="213"/>
      <c r="F219" s="213"/>
      <c r="G219" s="18" t="s">
        <v>73</v>
      </c>
      <c r="H219" s="19" t="s">
        <v>458</v>
      </c>
      <c r="I219" s="16" t="str">
        <f t="shared" si="3"/>
        <v>03　情報機器</v>
      </c>
      <c r="J219" s="29" t="s">
        <v>459</v>
      </c>
      <c r="K219" s="236"/>
    </row>
    <row r="220" spans="2:11" x14ac:dyDescent="0.2">
      <c r="B220" s="198"/>
      <c r="C220" s="198"/>
      <c r="D220" s="204"/>
      <c r="E220" s="213"/>
      <c r="F220" s="213"/>
      <c r="G220" s="18" t="s">
        <v>76</v>
      </c>
      <c r="H220" s="19" t="s">
        <v>460</v>
      </c>
      <c r="I220" s="16" t="str">
        <f t="shared" si="3"/>
        <v>04　電気通信機器</v>
      </c>
      <c r="J220" s="29" t="s">
        <v>461</v>
      </c>
      <c r="K220" s="236"/>
    </row>
    <row r="221" spans="2:11" x14ac:dyDescent="0.2">
      <c r="B221" s="198"/>
      <c r="C221" s="198"/>
      <c r="D221" s="204"/>
      <c r="E221" s="213"/>
      <c r="F221" s="213"/>
      <c r="G221" s="18" t="s">
        <v>79</v>
      </c>
      <c r="H221" s="19" t="s">
        <v>462</v>
      </c>
      <c r="I221" s="16" t="str">
        <f t="shared" si="3"/>
        <v>05　医療機器</v>
      </c>
      <c r="J221" s="29" t="s">
        <v>463</v>
      </c>
      <c r="K221" s="236"/>
    </row>
    <row r="222" spans="2:11" x14ac:dyDescent="0.2">
      <c r="B222" s="198"/>
      <c r="C222" s="198"/>
      <c r="D222" s="204"/>
      <c r="E222" s="213"/>
      <c r="F222" s="213"/>
      <c r="G222" s="18" t="s">
        <v>82</v>
      </c>
      <c r="H222" s="19" t="s">
        <v>228</v>
      </c>
      <c r="I222" s="16" t="str">
        <f t="shared" si="3"/>
        <v>06　その他機械器具</v>
      </c>
      <c r="J222" s="29" t="s">
        <v>464</v>
      </c>
      <c r="K222" s="236"/>
    </row>
    <row r="223" spans="2:11" x14ac:dyDescent="0.2">
      <c r="B223" s="198"/>
      <c r="C223" s="198"/>
      <c r="D223" s="204"/>
      <c r="E223" s="213"/>
      <c r="F223" s="213"/>
      <c r="G223" s="18" t="s">
        <v>85</v>
      </c>
      <c r="H223" s="19" t="s">
        <v>465</v>
      </c>
      <c r="I223" s="16" t="str">
        <f t="shared" si="3"/>
        <v>07　車両</v>
      </c>
      <c r="J223" s="29" t="s">
        <v>466</v>
      </c>
      <c r="K223" s="236"/>
    </row>
    <row r="224" spans="2:11" x14ac:dyDescent="0.2">
      <c r="B224" s="198"/>
      <c r="C224" s="198"/>
      <c r="D224" s="204"/>
      <c r="E224" s="213"/>
      <c r="F224" s="213"/>
      <c r="G224" s="18" t="s">
        <v>88</v>
      </c>
      <c r="H224" s="19" t="s">
        <v>318</v>
      </c>
      <c r="I224" s="16" t="str">
        <f t="shared" si="3"/>
        <v>08　建材・資材</v>
      </c>
      <c r="J224" s="29" t="s">
        <v>467</v>
      </c>
      <c r="K224" s="236"/>
    </row>
    <row r="225" spans="2:11" x14ac:dyDescent="0.2">
      <c r="B225" s="198"/>
      <c r="C225" s="198"/>
      <c r="D225" s="204"/>
      <c r="E225" s="213"/>
      <c r="F225" s="213"/>
      <c r="G225" s="18" t="s">
        <v>90</v>
      </c>
      <c r="H225" s="19" t="s">
        <v>468</v>
      </c>
      <c r="I225" s="16" t="str">
        <f t="shared" si="3"/>
        <v>09　衣類・寝具</v>
      </c>
      <c r="J225" s="29" t="s">
        <v>415</v>
      </c>
      <c r="K225" s="236"/>
    </row>
    <row r="226" spans="2:11" x14ac:dyDescent="0.2">
      <c r="B226" s="198"/>
      <c r="C226" s="198"/>
      <c r="D226" s="204"/>
      <c r="E226" s="213"/>
      <c r="F226" s="213"/>
      <c r="G226" s="18" t="s">
        <v>114</v>
      </c>
      <c r="H226" s="19" t="s">
        <v>375</v>
      </c>
      <c r="I226" s="16" t="str">
        <f t="shared" si="3"/>
        <v>10　植物</v>
      </c>
      <c r="J226" s="29" t="s">
        <v>469</v>
      </c>
      <c r="K226" s="236"/>
    </row>
    <row r="227" spans="2:11" x14ac:dyDescent="0.2">
      <c r="B227" s="198"/>
      <c r="C227" s="199"/>
      <c r="D227" s="205"/>
      <c r="E227" s="214"/>
      <c r="F227" s="214"/>
      <c r="G227" s="21" t="s">
        <v>93</v>
      </c>
      <c r="H227" s="22" t="s">
        <v>94</v>
      </c>
      <c r="I227" s="16" t="str">
        <f t="shared" si="3"/>
        <v>99　その他</v>
      </c>
      <c r="J227" s="35"/>
      <c r="K227" s="237"/>
    </row>
    <row r="228" spans="2:11" x14ac:dyDescent="0.25">
      <c r="B228" s="198"/>
      <c r="C228" s="33" t="s">
        <v>172</v>
      </c>
      <c r="D228" s="203" t="s">
        <v>66</v>
      </c>
      <c r="E228" s="212" t="s">
        <v>470</v>
      </c>
      <c r="F228" s="212" t="str">
        <f>D228&amp;E228</f>
        <v>Aクリーニング</v>
      </c>
      <c r="G228" s="15" t="s">
        <v>65</v>
      </c>
      <c r="H228" s="16" t="s">
        <v>471</v>
      </c>
      <c r="I228" s="16" t="str">
        <f t="shared" si="3"/>
        <v>01　一般衣類・寝具</v>
      </c>
      <c r="J228" s="28" t="s">
        <v>472</v>
      </c>
      <c r="K228" s="235" t="s">
        <v>473</v>
      </c>
    </row>
    <row r="229" spans="2:11" x14ac:dyDescent="0.25">
      <c r="B229" s="198"/>
      <c r="C229" s="238" t="s">
        <v>474</v>
      </c>
      <c r="D229" s="204"/>
      <c r="E229" s="213"/>
      <c r="F229" s="213"/>
      <c r="G229" s="18" t="s">
        <v>70</v>
      </c>
      <c r="H229" s="19" t="s">
        <v>475</v>
      </c>
      <c r="I229" s="16" t="str">
        <f t="shared" si="3"/>
        <v>02　医療関連衣類・寝具</v>
      </c>
      <c r="J229" s="27" t="s">
        <v>476</v>
      </c>
      <c r="K229" s="236"/>
    </row>
    <row r="230" spans="2:11" x14ac:dyDescent="0.25">
      <c r="B230" s="198"/>
      <c r="C230" s="239"/>
      <c r="D230" s="205"/>
      <c r="E230" s="214"/>
      <c r="F230" s="214"/>
      <c r="G230" s="21" t="s">
        <v>93</v>
      </c>
      <c r="H230" s="22" t="s">
        <v>94</v>
      </c>
      <c r="I230" s="16" t="str">
        <f t="shared" si="3"/>
        <v>99　その他</v>
      </c>
      <c r="J230" s="36"/>
      <c r="K230" s="237"/>
    </row>
    <row r="231" spans="2:11" x14ac:dyDescent="0.25">
      <c r="B231" s="198"/>
      <c r="C231" s="33" t="s">
        <v>142</v>
      </c>
      <c r="D231" s="203" t="s">
        <v>66</v>
      </c>
      <c r="E231" s="212" t="s">
        <v>477</v>
      </c>
      <c r="F231" s="212" t="str">
        <f>D231&amp;E231</f>
        <v>A買受</v>
      </c>
      <c r="G231" s="15" t="s">
        <v>65</v>
      </c>
      <c r="H231" s="16" t="s">
        <v>478</v>
      </c>
      <c r="I231" s="16" t="str">
        <f t="shared" si="3"/>
        <v>01　金属屑</v>
      </c>
      <c r="J231" s="28" t="s">
        <v>479</v>
      </c>
      <c r="K231" s="235" t="s">
        <v>480</v>
      </c>
    </row>
    <row r="232" spans="2:11" x14ac:dyDescent="0.25">
      <c r="B232" s="198"/>
      <c r="C232" s="198" t="s">
        <v>477</v>
      </c>
      <c r="D232" s="204"/>
      <c r="E232" s="213"/>
      <c r="F232" s="213"/>
      <c r="G232" s="18" t="s">
        <v>70</v>
      </c>
      <c r="H232" s="19" t="s">
        <v>481</v>
      </c>
      <c r="I232" s="16" t="str">
        <f t="shared" si="3"/>
        <v>02　紙・繊維</v>
      </c>
      <c r="J232" s="27" t="s">
        <v>482</v>
      </c>
      <c r="K232" s="236"/>
    </row>
    <row r="233" spans="2:11" x14ac:dyDescent="0.25">
      <c r="B233" s="198"/>
      <c r="C233" s="198"/>
      <c r="D233" s="204"/>
      <c r="E233" s="213"/>
      <c r="F233" s="213"/>
      <c r="G233" s="18" t="s">
        <v>73</v>
      </c>
      <c r="H233" s="19" t="s">
        <v>483</v>
      </c>
      <c r="I233" s="16" t="str">
        <f t="shared" si="3"/>
        <v>03　機械</v>
      </c>
      <c r="J233" s="27"/>
      <c r="K233" s="236"/>
    </row>
    <row r="234" spans="2:11" x14ac:dyDescent="0.25">
      <c r="B234" s="198"/>
      <c r="C234" s="198"/>
      <c r="D234" s="204"/>
      <c r="E234" s="213"/>
      <c r="F234" s="213"/>
      <c r="G234" s="18" t="s">
        <v>76</v>
      </c>
      <c r="H234" s="19" t="s">
        <v>465</v>
      </c>
      <c r="I234" s="16" t="str">
        <f t="shared" si="3"/>
        <v>04　車両</v>
      </c>
      <c r="J234" s="27" t="s">
        <v>484</v>
      </c>
      <c r="K234" s="236"/>
    </row>
    <row r="235" spans="2:11" x14ac:dyDescent="0.25">
      <c r="B235" s="199"/>
      <c r="C235" s="199"/>
      <c r="D235" s="205"/>
      <c r="E235" s="214"/>
      <c r="F235" s="214"/>
      <c r="G235" s="21" t="s">
        <v>93</v>
      </c>
      <c r="H235" s="22" t="s">
        <v>94</v>
      </c>
      <c r="I235" s="16" t="str">
        <f t="shared" si="3"/>
        <v>99　その他</v>
      </c>
      <c r="J235" s="36"/>
      <c r="K235" s="237"/>
    </row>
    <row r="236" spans="2:11" ht="13.5" customHeight="1" x14ac:dyDescent="0.25">
      <c r="B236" s="193" t="s">
        <v>834</v>
      </c>
      <c r="C236" s="37">
        <v>11</v>
      </c>
      <c r="D236" s="203" t="s">
        <v>66</v>
      </c>
      <c r="E236" s="212" t="s">
        <v>485</v>
      </c>
      <c r="F236" s="212" t="str">
        <f>D236&amp;E236</f>
        <v>A施設清掃</v>
      </c>
      <c r="G236" s="38" t="s">
        <v>65</v>
      </c>
      <c r="H236" s="16" t="s">
        <v>486</v>
      </c>
      <c r="I236" s="16" t="str">
        <f t="shared" si="3"/>
        <v>01　庁舎一般</v>
      </c>
      <c r="J236" s="28" t="s">
        <v>487</v>
      </c>
      <c r="K236" s="223" t="s">
        <v>488</v>
      </c>
    </row>
    <row r="237" spans="2:11" ht="82.5" customHeight="1" x14ac:dyDescent="0.25">
      <c r="B237" s="194"/>
      <c r="C237" s="198" t="s">
        <v>489</v>
      </c>
      <c r="D237" s="204"/>
      <c r="E237" s="213"/>
      <c r="F237" s="213"/>
      <c r="G237" s="39" t="s">
        <v>490</v>
      </c>
      <c r="H237" s="19" t="s">
        <v>491</v>
      </c>
      <c r="I237" s="16" t="str">
        <f t="shared" si="3"/>
        <v>02　病院</v>
      </c>
      <c r="J237" s="27" t="s">
        <v>492</v>
      </c>
      <c r="K237" s="224"/>
    </row>
    <row r="238" spans="2:11" x14ac:dyDescent="0.25">
      <c r="B238" s="194"/>
      <c r="C238" s="198"/>
      <c r="D238" s="204"/>
      <c r="E238" s="213"/>
      <c r="F238" s="213"/>
      <c r="G238" s="39" t="s">
        <v>172</v>
      </c>
      <c r="H238" s="19" t="s">
        <v>339</v>
      </c>
      <c r="I238" s="16" t="str">
        <f t="shared" si="3"/>
        <v>03　ガラス</v>
      </c>
      <c r="J238" s="27" t="s">
        <v>38</v>
      </c>
      <c r="K238" s="224"/>
    </row>
    <row r="239" spans="2:11" x14ac:dyDescent="0.25">
      <c r="B239" s="194"/>
      <c r="C239" s="198"/>
      <c r="D239" s="204"/>
      <c r="E239" s="213"/>
      <c r="F239" s="213"/>
      <c r="G239" s="39" t="s">
        <v>76</v>
      </c>
      <c r="H239" s="19" t="s">
        <v>493</v>
      </c>
      <c r="I239" s="16" t="str">
        <f t="shared" si="3"/>
        <v>04　外壁</v>
      </c>
      <c r="J239" s="27" t="s">
        <v>494</v>
      </c>
      <c r="K239" s="224"/>
    </row>
    <row r="240" spans="2:11" x14ac:dyDescent="0.25">
      <c r="B240" s="194"/>
      <c r="C240" s="198"/>
      <c r="D240" s="204"/>
      <c r="E240" s="213"/>
      <c r="F240" s="213"/>
      <c r="G240" s="39" t="s">
        <v>79</v>
      </c>
      <c r="H240" s="19" t="s">
        <v>495</v>
      </c>
      <c r="I240" s="16" t="str">
        <f t="shared" si="3"/>
        <v>05　側溝</v>
      </c>
      <c r="J240" s="27" t="s">
        <v>35</v>
      </c>
      <c r="K240" s="224"/>
    </row>
    <row r="241" spans="2:11" ht="23.15" x14ac:dyDescent="0.25">
      <c r="B241" s="194"/>
      <c r="C241" s="198"/>
      <c r="D241" s="205"/>
      <c r="E241" s="214"/>
      <c r="F241" s="214"/>
      <c r="G241" s="40" t="s">
        <v>93</v>
      </c>
      <c r="H241" s="22" t="s">
        <v>94</v>
      </c>
      <c r="I241" s="16" t="str">
        <f t="shared" si="3"/>
        <v>99　その他</v>
      </c>
      <c r="J241" s="41" t="s">
        <v>496</v>
      </c>
      <c r="K241" s="225"/>
    </row>
    <row r="242" spans="2:11" ht="53.6" x14ac:dyDescent="0.25">
      <c r="B242" s="194"/>
      <c r="C242" s="198"/>
      <c r="D242" s="42" t="s">
        <v>95</v>
      </c>
      <c r="E242" s="43" t="s">
        <v>497</v>
      </c>
      <c r="F242" s="43" t="str">
        <f>D242&amp;E242</f>
        <v>B空気環境の測定</v>
      </c>
      <c r="G242" s="75"/>
      <c r="H242" s="44"/>
      <c r="I242" s="16" t="str">
        <f t="shared" si="3"/>
        <v>　</v>
      </c>
      <c r="J242" s="45" t="s">
        <v>498</v>
      </c>
      <c r="K242" s="46" t="s">
        <v>499</v>
      </c>
    </row>
    <row r="243" spans="2:11" ht="64.3" x14ac:dyDescent="0.25">
      <c r="B243" s="194"/>
      <c r="C243" s="198"/>
      <c r="D243" s="42" t="s">
        <v>47</v>
      </c>
      <c r="E243" s="43" t="s">
        <v>500</v>
      </c>
      <c r="F243" s="43" t="str">
        <f>D243&amp;E243</f>
        <v>C飲料水の水質検査</v>
      </c>
      <c r="G243" s="75"/>
      <c r="H243" s="44"/>
      <c r="I243" s="16" t="str">
        <f t="shared" si="3"/>
        <v>　</v>
      </c>
      <c r="J243" s="45" t="s">
        <v>501</v>
      </c>
      <c r="K243" s="46" t="s">
        <v>502</v>
      </c>
    </row>
    <row r="244" spans="2:11" x14ac:dyDescent="0.25">
      <c r="B244" s="194"/>
      <c r="C244" s="198"/>
      <c r="D244" s="203" t="s">
        <v>48</v>
      </c>
      <c r="E244" s="212" t="s">
        <v>503</v>
      </c>
      <c r="F244" s="212" t="str">
        <f>D244&amp;E244</f>
        <v>D建築物ねずみ害虫駆除</v>
      </c>
      <c r="G244" s="38" t="s">
        <v>65</v>
      </c>
      <c r="H244" s="16" t="s">
        <v>504</v>
      </c>
      <c r="I244" s="16" t="str">
        <f t="shared" si="3"/>
        <v>01　建築物ねずみ害虫駆除</v>
      </c>
      <c r="J244" s="17" t="s">
        <v>505</v>
      </c>
      <c r="K244" s="223" t="s">
        <v>506</v>
      </c>
    </row>
    <row r="245" spans="2:11" x14ac:dyDescent="0.25">
      <c r="B245" s="194"/>
      <c r="C245" s="198"/>
      <c r="D245" s="204"/>
      <c r="E245" s="213"/>
      <c r="F245" s="213"/>
      <c r="G245" s="39" t="s">
        <v>70</v>
      </c>
      <c r="H245" s="19" t="s">
        <v>507</v>
      </c>
      <c r="I245" s="16" t="str">
        <f t="shared" si="3"/>
        <v>02　施設消毒</v>
      </c>
      <c r="J245" s="20" t="s">
        <v>508</v>
      </c>
      <c r="K245" s="224"/>
    </row>
    <row r="246" spans="2:11" x14ac:dyDescent="0.25">
      <c r="B246" s="194"/>
      <c r="C246" s="198"/>
      <c r="D246" s="204"/>
      <c r="E246" s="213"/>
      <c r="F246" s="213"/>
      <c r="G246" s="39" t="s">
        <v>172</v>
      </c>
      <c r="H246" s="19" t="s">
        <v>509</v>
      </c>
      <c r="I246" s="16" t="str">
        <f t="shared" si="3"/>
        <v>03　くん蒸</v>
      </c>
      <c r="J246" s="20" t="s">
        <v>510</v>
      </c>
      <c r="K246" s="224"/>
    </row>
    <row r="247" spans="2:11" x14ac:dyDescent="0.25">
      <c r="B247" s="194"/>
      <c r="C247" s="198"/>
      <c r="D247" s="205"/>
      <c r="E247" s="214"/>
      <c r="F247" s="214"/>
      <c r="G247" s="40" t="s">
        <v>93</v>
      </c>
      <c r="H247" s="22" t="s">
        <v>94</v>
      </c>
      <c r="I247" s="16" t="str">
        <f t="shared" si="3"/>
        <v>99　その他</v>
      </c>
      <c r="J247" s="23" t="s">
        <v>511</v>
      </c>
      <c r="K247" s="225"/>
    </row>
    <row r="248" spans="2:11" x14ac:dyDescent="0.25">
      <c r="B248" s="194"/>
      <c r="C248" s="198"/>
      <c r="D248" s="42" t="s">
        <v>49</v>
      </c>
      <c r="E248" s="59" t="s">
        <v>512</v>
      </c>
      <c r="F248" s="59" t="str">
        <f>D248&amp;E248</f>
        <v>Eプールの水質管理</v>
      </c>
      <c r="G248" s="75"/>
      <c r="H248" s="44"/>
      <c r="I248" s="16" t="str">
        <f t="shared" si="3"/>
        <v>　</v>
      </c>
      <c r="J248" s="45" t="s">
        <v>513</v>
      </c>
      <c r="K248" s="47"/>
    </row>
    <row r="249" spans="2:11" x14ac:dyDescent="0.25">
      <c r="B249" s="194"/>
      <c r="C249" s="198"/>
      <c r="D249" s="203" t="s">
        <v>50</v>
      </c>
      <c r="E249" s="212" t="s">
        <v>514</v>
      </c>
      <c r="F249" s="212" t="str">
        <f>D249&amp;E249</f>
        <v>F植栽管理</v>
      </c>
      <c r="G249" s="38" t="s">
        <v>65</v>
      </c>
      <c r="H249" s="16" t="s">
        <v>515</v>
      </c>
      <c r="I249" s="16" t="str">
        <f t="shared" si="3"/>
        <v>01　剪定・除草</v>
      </c>
      <c r="J249" s="17" t="s">
        <v>36</v>
      </c>
      <c r="K249" s="223" t="s">
        <v>516</v>
      </c>
    </row>
    <row r="250" spans="2:11" x14ac:dyDescent="0.25">
      <c r="B250" s="194"/>
      <c r="C250" s="198"/>
      <c r="D250" s="204"/>
      <c r="E250" s="213"/>
      <c r="F250" s="213"/>
      <c r="G250" s="39" t="s">
        <v>70</v>
      </c>
      <c r="H250" s="19" t="s">
        <v>517</v>
      </c>
      <c r="I250" s="16" t="str">
        <f t="shared" si="3"/>
        <v>02　殺虫消毒</v>
      </c>
      <c r="J250" s="20" t="s">
        <v>518</v>
      </c>
      <c r="K250" s="224"/>
    </row>
    <row r="251" spans="2:11" x14ac:dyDescent="0.25">
      <c r="B251" s="194"/>
      <c r="C251" s="198"/>
      <c r="D251" s="205"/>
      <c r="E251" s="214"/>
      <c r="F251" s="214"/>
      <c r="G251" s="40" t="s">
        <v>93</v>
      </c>
      <c r="H251" s="22" t="s">
        <v>94</v>
      </c>
      <c r="I251" s="16" t="str">
        <f t="shared" si="3"/>
        <v>99　その他</v>
      </c>
      <c r="J251" s="23" t="s">
        <v>519</v>
      </c>
      <c r="K251" s="225"/>
    </row>
    <row r="252" spans="2:11" x14ac:dyDescent="0.25">
      <c r="B252" s="194"/>
      <c r="C252" s="198"/>
      <c r="D252" s="42" t="s">
        <v>227</v>
      </c>
      <c r="E252" s="59" t="s">
        <v>520</v>
      </c>
      <c r="F252" s="59" t="str">
        <f>D252&amp;E252</f>
        <v>G建築物の定期点検</v>
      </c>
      <c r="G252" s="75"/>
      <c r="H252" s="44"/>
      <c r="I252" s="16" t="str">
        <f t="shared" si="3"/>
        <v>　</v>
      </c>
      <c r="J252" s="45" t="s">
        <v>521</v>
      </c>
      <c r="K252" s="47" t="s">
        <v>522</v>
      </c>
    </row>
    <row r="253" spans="2:11" x14ac:dyDescent="0.25">
      <c r="B253" s="194"/>
      <c r="C253" s="198"/>
      <c r="D253" s="203" t="s">
        <v>523</v>
      </c>
      <c r="E253" s="212" t="s">
        <v>524</v>
      </c>
      <c r="F253" s="212" t="str">
        <f>D253&amp;E253</f>
        <v>H特殊施設管理</v>
      </c>
      <c r="G253" s="38" t="s">
        <v>65</v>
      </c>
      <c r="H253" s="16" t="s">
        <v>525</v>
      </c>
      <c r="I253" s="16" t="str">
        <f t="shared" si="3"/>
        <v>01　寮・宿舎管理</v>
      </c>
      <c r="J253" s="17" t="s">
        <v>526</v>
      </c>
      <c r="K253" s="229"/>
    </row>
    <row r="254" spans="2:11" x14ac:dyDescent="0.25">
      <c r="B254" s="194"/>
      <c r="C254" s="198"/>
      <c r="D254" s="204"/>
      <c r="E254" s="213"/>
      <c r="F254" s="213"/>
      <c r="G254" s="39" t="s">
        <v>490</v>
      </c>
      <c r="H254" s="19" t="s">
        <v>527</v>
      </c>
      <c r="I254" s="16" t="str">
        <f t="shared" si="3"/>
        <v>02　水道施設管理</v>
      </c>
      <c r="J254" s="20" t="s">
        <v>528</v>
      </c>
      <c r="K254" s="224"/>
    </row>
    <row r="255" spans="2:11" x14ac:dyDescent="0.25">
      <c r="B255" s="194"/>
      <c r="C255" s="198"/>
      <c r="D255" s="204"/>
      <c r="E255" s="213"/>
      <c r="F255" s="213"/>
      <c r="G255" s="39" t="s">
        <v>73</v>
      </c>
      <c r="H255" s="19" t="s">
        <v>529</v>
      </c>
      <c r="I255" s="16" t="str">
        <f t="shared" si="3"/>
        <v>03　プール施設管理</v>
      </c>
      <c r="J255" s="20" t="s">
        <v>529</v>
      </c>
      <c r="K255" s="224"/>
    </row>
    <row r="256" spans="2:11" x14ac:dyDescent="0.25">
      <c r="B256" s="194"/>
      <c r="C256" s="198"/>
      <c r="D256" s="205"/>
      <c r="E256" s="214"/>
      <c r="F256" s="214"/>
      <c r="G256" s="40" t="s">
        <v>93</v>
      </c>
      <c r="H256" s="22" t="s">
        <v>94</v>
      </c>
      <c r="I256" s="16" t="str">
        <f t="shared" si="3"/>
        <v>99　その他</v>
      </c>
      <c r="J256" s="23"/>
      <c r="K256" s="225"/>
    </row>
    <row r="257" spans="2:11" x14ac:dyDescent="0.25">
      <c r="B257" s="194"/>
      <c r="C257" s="199"/>
      <c r="D257" s="42" t="s">
        <v>388</v>
      </c>
      <c r="E257" s="59" t="s">
        <v>453</v>
      </c>
      <c r="F257" s="59" t="str">
        <f>D257&amp;E257</f>
        <v>Zその他</v>
      </c>
      <c r="G257" s="75"/>
      <c r="H257" s="44"/>
      <c r="I257" s="16" t="str">
        <f t="shared" si="3"/>
        <v>　</v>
      </c>
      <c r="J257" s="45"/>
      <c r="K257" s="47"/>
    </row>
    <row r="258" spans="2:11" x14ac:dyDescent="0.25">
      <c r="B258" s="194"/>
      <c r="C258" s="37">
        <v>12</v>
      </c>
      <c r="D258" s="203" t="s">
        <v>66</v>
      </c>
      <c r="E258" s="212" t="s">
        <v>530</v>
      </c>
      <c r="F258" s="212" t="str">
        <f>D258&amp;E258</f>
        <v>A給水設備の点検・清掃</v>
      </c>
      <c r="G258" s="38" t="s">
        <v>65</v>
      </c>
      <c r="H258" s="16" t="s">
        <v>531</v>
      </c>
      <c r="I258" s="16" t="str">
        <f t="shared" si="3"/>
        <v>01　貯水槽</v>
      </c>
      <c r="J258" s="17" t="s">
        <v>532</v>
      </c>
      <c r="K258" s="223" t="s">
        <v>533</v>
      </c>
    </row>
    <row r="259" spans="2:11" x14ac:dyDescent="0.25">
      <c r="B259" s="194"/>
      <c r="C259" s="198" t="s">
        <v>534</v>
      </c>
      <c r="D259" s="204"/>
      <c r="E259" s="213"/>
      <c r="F259" s="213"/>
      <c r="G259" s="39" t="s">
        <v>70</v>
      </c>
      <c r="H259" s="19" t="s">
        <v>535</v>
      </c>
      <c r="I259" s="16" t="str">
        <f t="shared" si="3"/>
        <v>02　ろ過装置</v>
      </c>
      <c r="J259" s="20" t="s">
        <v>536</v>
      </c>
      <c r="K259" s="224"/>
    </row>
    <row r="260" spans="2:11" x14ac:dyDescent="0.25">
      <c r="B260" s="194"/>
      <c r="C260" s="198"/>
      <c r="D260" s="205"/>
      <c r="E260" s="214"/>
      <c r="F260" s="214"/>
      <c r="G260" s="40" t="s">
        <v>93</v>
      </c>
      <c r="H260" s="22" t="s">
        <v>94</v>
      </c>
      <c r="I260" s="16" t="str">
        <f t="shared" si="3"/>
        <v>99　その他</v>
      </c>
      <c r="J260" s="23" t="s">
        <v>537</v>
      </c>
      <c r="K260" s="225"/>
    </row>
    <row r="261" spans="2:11" x14ac:dyDescent="0.25">
      <c r="B261" s="194"/>
      <c r="C261" s="198"/>
      <c r="D261" s="203" t="s">
        <v>95</v>
      </c>
      <c r="E261" s="212" t="s">
        <v>538</v>
      </c>
      <c r="F261" s="212" t="str">
        <f>D261&amp;E261</f>
        <v>B排水設備の点検・清掃</v>
      </c>
      <c r="G261" s="38" t="s">
        <v>65</v>
      </c>
      <c r="H261" s="16" t="s">
        <v>539</v>
      </c>
      <c r="I261" s="16" t="str">
        <f t="shared" ref="I261:I324" si="4">G261&amp;$A$10&amp;H261</f>
        <v>01　汚水槽</v>
      </c>
      <c r="J261" s="17" t="s">
        <v>540</v>
      </c>
      <c r="K261" s="223" t="s">
        <v>541</v>
      </c>
    </row>
    <row r="262" spans="2:11" x14ac:dyDescent="0.25">
      <c r="B262" s="194"/>
      <c r="C262" s="198"/>
      <c r="D262" s="204"/>
      <c r="E262" s="213"/>
      <c r="F262" s="213"/>
      <c r="G262" s="39" t="s">
        <v>70</v>
      </c>
      <c r="H262" s="19" t="s">
        <v>542</v>
      </c>
      <c r="I262" s="16" t="str">
        <f t="shared" si="4"/>
        <v>02　排水管</v>
      </c>
      <c r="J262" s="20" t="s">
        <v>543</v>
      </c>
      <c r="K262" s="224"/>
    </row>
    <row r="263" spans="2:11" x14ac:dyDescent="0.25">
      <c r="B263" s="194"/>
      <c r="C263" s="198"/>
      <c r="D263" s="204"/>
      <c r="E263" s="213"/>
      <c r="F263" s="213"/>
      <c r="G263" s="39" t="s">
        <v>172</v>
      </c>
      <c r="H263" s="19" t="s">
        <v>544</v>
      </c>
      <c r="I263" s="16" t="str">
        <f t="shared" si="4"/>
        <v>03　グリーストラップ</v>
      </c>
      <c r="J263" s="20" t="s">
        <v>545</v>
      </c>
      <c r="K263" s="224"/>
    </row>
    <row r="264" spans="2:11" x14ac:dyDescent="0.25">
      <c r="B264" s="194"/>
      <c r="C264" s="198"/>
      <c r="D264" s="205"/>
      <c r="E264" s="214"/>
      <c r="F264" s="214"/>
      <c r="G264" s="40" t="s">
        <v>93</v>
      </c>
      <c r="H264" s="22" t="s">
        <v>94</v>
      </c>
      <c r="I264" s="16" t="str">
        <f t="shared" si="4"/>
        <v>99　その他</v>
      </c>
      <c r="J264" s="23" t="s">
        <v>546</v>
      </c>
      <c r="K264" s="225"/>
    </row>
    <row r="265" spans="2:11" x14ac:dyDescent="0.25">
      <c r="B265" s="194"/>
      <c r="C265" s="198"/>
      <c r="D265" s="42" t="s">
        <v>121</v>
      </c>
      <c r="E265" s="43" t="s">
        <v>547</v>
      </c>
      <c r="F265" s="76" t="str">
        <f>D265&amp;E265</f>
        <v>C電気保安管理</v>
      </c>
      <c r="G265" s="43"/>
      <c r="H265" s="44"/>
      <c r="I265" s="16" t="str">
        <f t="shared" si="4"/>
        <v>　</v>
      </c>
      <c r="J265" s="45" t="s">
        <v>548</v>
      </c>
      <c r="K265" s="47" t="s">
        <v>549</v>
      </c>
    </row>
    <row r="266" spans="2:11" x14ac:dyDescent="0.25">
      <c r="B266" s="194"/>
      <c r="C266" s="198"/>
      <c r="D266" s="203" t="s">
        <v>48</v>
      </c>
      <c r="E266" s="209" t="s">
        <v>550</v>
      </c>
      <c r="F266" s="226" t="str">
        <f>D266&amp;E266</f>
        <v>D電気設備の保守点検</v>
      </c>
      <c r="G266" s="38" t="s">
        <v>65</v>
      </c>
      <c r="H266" s="16" t="s">
        <v>551</v>
      </c>
      <c r="I266" s="16" t="str">
        <f t="shared" si="4"/>
        <v>01　電気設備</v>
      </c>
      <c r="J266" s="17" t="s">
        <v>552</v>
      </c>
      <c r="K266" s="223" t="s">
        <v>553</v>
      </c>
    </row>
    <row r="267" spans="2:11" x14ac:dyDescent="0.25">
      <c r="B267" s="194"/>
      <c r="C267" s="198"/>
      <c r="D267" s="204"/>
      <c r="E267" s="210"/>
      <c r="F267" s="226"/>
      <c r="G267" s="39" t="s">
        <v>490</v>
      </c>
      <c r="H267" s="19" t="s">
        <v>554</v>
      </c>
      <c r="I267" s="16" t="str">
        <f t="shared" si="4"/>
        <v>02　屋外照明灯</v>
      </c>
      <c r="J267" s="20" t="s">
        <v>555</v>
      </c>
      <c r="K267" s="224"/>
    </row>
    <row r="268" spans="2:11" x14ac:dyDescent="0.25">
      <c r="B268" s="194"/>
      <c r="C268" s="198"/>
      <c r="D268" s="205"/>
      <c r="E268" s="211"/>
      <c r="F268" s="226"/>
      <c r="G268" s="40" t="s">
        <v>93</v>
      </c>
      <c r="H268" s="22" t="s">
        <v>94</v>
      </c>
      <c r="I268" s="16" t="str">
        <f t="shared" si="4"/>
        <v>99　その他</v>
      </c>
      <c r="J268" s="23"/>
      <c r="K268" s="225"/>
    </row>
    <row r="269" spans="2:11" x14ac:dyDescent="0.25">
      <c r="B269" s="194"/>
      <c r="C269" s="198"/>
      <c r="D269" s="203" t="s">
        <v>49</v>
      </c>
      <c r="E269" s="209" t="s">
        <v>556</v>
      </c>
      <c r="F269" s="226" t="str">
        <f>D269&amp;E269</f>
        <v>Eエレベーターの保守点検</v>
      </c>
      <c r="G269" s="38" t="s">
        <v>65</v>
      </c>
      <c r="H269" s="16" t="s">
        <v>557</v>
      </c>
      <c r="I269" s="16" t="str">
        <f t="shared" si="4"/>
        <v>01　エレベーター</v>
      </c>
      <c r="J269" s="17" t="s">
        <v>558</v>
      </c>
      <c r="K269" s="223" t="s">
        <v>559</v>
      </c>
    </row>
    <row r="270" spans="2:11" x14ac:dyDescent="0.25">
      <c r="B270" s="194"/>
      <c r="C270" s="198"/>
      <c r="D270" s="204"/>
      <c r="E270" s="210"/>
      <c r="F270" s="226"/>
      <c r="G270" s="39" t="s">
        <v>490</v>
      </c>
      <c r="H270" s="19" t="s">
        <v>560</v>
      </c>
      <c r="I270" s="16" t="str">
        <f t="shared" si="4"/>
        <v>02　エスカレーター</v>
      </c>
      <c r="J270" s="20" t="s">
        <v>561</v>
      </c>
      <c r="K270" s="224"/>
    </row>
    <row r="271" spans="2:11" x14ac:dyDescent="0.25">
      <c r="B271" s="194"/>
      <c r="C271" s="198"/>
      <c r="D271" s="204"/>
      <c r="E271" s="210"/>
      <c r="F271" s="226"/>
      <c r="G271" s="39" t="s">
        <v>73</v>
      </c>
      <c r="H271" s="19" t="s">
        <v>562</v>
      </c>
      <c r="I271" s="16" t="str">
        <f t="shared" si="4"/>
        <v>03　リフト式駐車場</v>
      </c>
      <c r="J271" s="20" t="s">
        <v>563</v>
      </c>
      <c r="K271" s="224"/>
    </row>
    <row r="272" spans="2:11" x14ac:dyDescent="0.25">
      <c r="B272" s="194"/>
      <c r="C272" s="198"/>
      <c r="D272" s="205"/>
      <c r="E272" s="211"/>
      <c r="F272" s="226"/>
      <c r="G272" s="40" t="s">
        <v>93</v>
      </c>
      <c r="H272" s="22" t="s">
        <v>94</v>
      </c>
      <c r="I272" s="16" t="str">
        <f t="shared" si="4"/>
        <v>99　その他</v>
      </c>
      <c r="J272" s="23" t="s">
        <v>564</v>
      </c>
      <c r="K272" s="225"/>
    </row>
    <row r="273" spans="2:11" x14ac:dyDescent="0.25">
      <c r="B273" s="194"/>
      <c r="C273" s="198"/>
      <c r="D273" s="42" t="s">
        <v>180</v>
      </c>
      <c r="E273" s="59" t="s">
        <v>565</v>
      </c>
      <c r="F273" s="45" t="str">
        <f t="shared" ref="F273:F281" si="5">D273&amp;E273</f>
        <v>F自動ドアの保守点検</v>
      </c>
      <c r="G273" s="75"/>
      <c r="H273" s="44"/>
      <c r="I273" s="16" t="str">
        <f t="shared" si="4"/>
        <v>　</v>
      </c>
      <c r="J273" s="45" t="s">
        <v>566</v>
      </c>
      <c r="K273" s="47"/>
    </row>
    <row r="274" spans="2:11" ht="21.45" x14ac:dyDescent="0.25">
      <c r="B274" s="194"/>
      <c r="C274" s="198"/>
      <c r="D274" s="42" t="s">
        <v>51</v>
      </c>
      <c r="E274" s="59" t="s">
        <v>567</v>
      </c>
      <c r="F274" s="45" t="str">
        <f t="shared" si="5"/>
        <v>G空調設備の保守点検</v>
      </c>
      <c r="G274" s="75"/>
      <c r="H274" s="44"/>
      <c r="I274" s="16" t="str">
        <f t="shared" si="4"/>
        <v>　</v>
      </c>
      <c r="J274" s="45" t="s">
        <v>568</v>
      </c>
      <c r="K274" s="46" t="s">
        <v>569</v>
      </c>
    </row>
    <row r="275" spans="2:11" x14ac:dyDescent="0.25">
      <c r="B275" s="194"/>
      <c r="C275" s="198"/>
      <c r="D275" s="42" t="s">
        <v>523</v>
      </c>
      <c r="E275" s="59" t="s">
        <v>570</v>
      </c>
      <c r="F275" s="45" t="str">
        <f t="shared" si="5"/>
        <v>H冷凍設備の保守点検</v>
      </c>
      <c r="G275" s="75"/>
      <c r="H275" s="44"/>
      <c r="I275" s="16" t="str">
        <f t="shared" si="4"/>
        <v>　</v>
      </c>
      <c r="J275" s="45" t="s">
        <v>571</v>
      </c>
      <c r="K275" s="46" t="s">
        <v>572</v>
      </c>
    </row>
    <row r="276" spans="2:11" ht="21.45" x14ac:dyDescent="0.25">
      <c r="B276" s="194"/>
      <c r="C276" s="198"/>
      <c r="D276" s="42" t="s">
        <v>573</v>
      </c>
      <c r="E276" s="59" t="s">
        <v>574</v>
      </c>
      <c r="F276" s="45" t="str">
        <f t="shared" si="5"/>
        <v>Iダクトの清掃</v>
      </c>
      <c r="G276" s="75"/>
      <c r="H276" s="44"/>
      <c r="I276" s="16" t="str">
        <f t="shared" si="4"/>
        <v>　</v>
      </c>
      <c r="J276" s="45" t="s">
        <v>575</v>
      </c>
      <c r="K276" s="46" t="s">
        <v>576</v>
      </c>
    </row>
    <row r="277" spans="2:11" ht="32.15" x14ac:dyDescent="0.25">
      <c r="B277" s="194"/>
      <c r="C277" s="198"/>
      <c r="D277" s="42" t="s">
        <v>577</v>
      </c>
      <c r="E277" s="59" t="s">
        <v>578</v>
      </c>
      <c r="F277" s="45" t="str">
        <f t="shared" si="5"/>
        <v>Jオイルタンクの点検・清掃</v>
      </c>
      <c r="G277" s="75"/>
      <c r="H277" s="44"/>
      <c r="I277" s="16" t="str">
        <f t="shared" si="4"/>
        <v>　</v>
      </c>
      <c r="J277" s="45" t="s">
        <v>579</v>
      </c>
      <c r="K277" s="46" t="s">
        <v>580</v>
      </c>
    </row>
    <row r="278" spans="2:11" x14ac:dyDescent="0.25">
      <c r="B278" s="194"/>
      <c r="C278" s="198"/>
      <c r="D278" s="42" t="s">
        <v>581</v>
      </c>
      <c r="E278" s="59" t="s">
        <v>582</v>
      </c>
      <c r="F278" s="45" t="str">
        <f t="shared" si="5"/>
        <v>Kボイラーの点検・清掃</v>
      </c>
      <c r="G278" s="75"/>
      <c r="H278" s="44"/>
      <c r="I278" s="16" t="str">
        <f t="shared" si="4"/>
        <v>　</v>
      </c>
      <c r="J278" s="45"/>
      <c r="K278" s="47" t="s">
        <v>583</v>
      </c>
    </row>
    <row r="279" spans="2:11" ht="32.15" x14ac:dyDescent="0.25">
      <c r="B279" s="194"/>
      <c r="C279" s="198"/>
      <c r="D279" s="42" t="s">
        <v>52</v>
      </c>
      <c r="E279" s="59" t="s">
        <v>584</v>
      </c>
      <c r="F279" s="45" t="str">
        <f t="shared" si="5"/>
        <v>Lボイラーの運転</v>
      </c>
      <c r="G279" s="75"/>
      <c r="H279" s="44"/>
      <c r="I279" s="16" t="str">
        <f t="shared" si="4"/>
        <v>　</v>
      </c>
      <c r="J279" s="45"/>
      <c r="K279" s="46" t="s">
        <v>585</v>
      </c>
    </row>
    <row r="280" spans="2:11" x14ac:dyDescent="0.25">
      <c r="B280" s="194"/>
      <c r="C280" s="198"/>
      <c r="D280" s="42" t="s">
        <v>349</v>
      </c>
      <c r="E280" s="59" t="s">
        <v>586</v>
      </c>
      <c r="F280" s="45" t="str">
        <f t="shared" si="5"/>
        <v>Ｍポンプの保守点検</v>
      </c>
      <c r="G280" s="75"/>
      <c r="H280" s="44"/>
      <c r="I280" s="16" t="str">
        <f t="shared" si="4"/>
        <v>　</v>
      </c>
      <c r="J280" s="45" t="s">
        <v>587</v>
      </c>
      <c r="K280" s="47"/>
    </row>
    <row r="281" spans="2:11" x14ac:dyDescent="0.25">
      <c r="B281" s="194"/>
      <c r="C281" s="198"/>
      <c r="D281" s="203" t="s">
        <v>360</v>
      </c>
      <c r="E281" s="209" t="s">
        <v>588</v>
      </c>
      <c r="F281" s="226" t="str">
        <f t="shared" si="5"/>
        <v>Ｎ監視制御装置の保守点検</v>
      </c>
      <c r="G281" s="38" t="s">
        <v>65</v>
      </c>
      <c r="H281" s="16" t="s">
        <v>589</v>
      </c>
      <c r="I281" s="16" t="str">
        <f t="shared" si="4"/>
        <v>01　中央監視装置</v>
      </c>
      <c r="J281" s="17" t="s">
        <v>590</v>
      </c>
      <c r="K281" s="229"/>
    </row>
    <row r="282" spans="2:11" x14ac:dyDescent="0.25">
      <c r="B282" s="194"/>
      <c r="C282" s="198"/>
      <c r="D282" s="204"/>
      <c r="E282" s="210"/>
      <c r="F282" s="226"/>
      <c r="G282" s="39" t="s">
        <v>490</v>
      </c>
      <c r="H282" s="19" t="s">
        <v>591</v>
      </c>
      <c r="I282" s="16" t="str">
        <f t="shared" si="4"/>
        <v>02　自動制御装置</v>
      </c>
      <c r="J282" s="20" t="s">
        <v>592</v>
      </c>
      <c r="K282" s="224"/>
    </row>
    <row r="283" spans="2:11" x14ac:dyDescent="0.25">
      <c r="B283" s="194"/>
      <c r="C283" s="198"/>
      <c r="D283" s="205"/>
      <c r="E283" s="211"/>
      <c r="F283" s="226"/>
      <c r="G283" s="40" t="s">
        <v>93</v>
      </c>
      <c r="H283" s="22" t="s">
        <v>94</v>
      </c>
      <c r="I283" s="16" t="str">
        <f t="shared" si="4"/>
        <v>99　その他</v>
      </c>
      <c r="J283" s="23"/>
      <c r="K283" s="225"/>
    </row>
    <row r="284" spans="2:11" ht="42.9" x14ac:dyDescent="0.25">
      <c r="B284" s="194"/>
      <c r="C284" s="198"/>
      <c r="D284" s="42" t="s">
        <v>373</v>
      </c>
      <c r="E284" s="59" t="s">
        <v>593</v>
      </c>
      <c r="F284" s="45" t="str">
        <f>D284&amp;E284</f>
        <v>Ｏ消防設備の保守点検</v>
      </c>
      <c r="G284" s="75"/>
      <c r="H284" s="44"/>
      <c r="I284" s="16" t="str">
        <f t="shared" si="4"/>
        <v>　</v>
      </c>
      <c r="J284" s="45" t="s">
        <v>37</v>
      </c>
      <c r="K284" s="46" t="s">
        <v>594</v>
      </c>
    </row>
    <row r="285" spans="2:11" x14ac:dyDescent="0.25">
      <c r="B285" s="194"/>
      <c r="C285" s="198"/>
      <c r="D285" s="42" t="s">
        <v>53</v>
      </c>
      <c r="E285" s="59" t="s">
        <v>595</v>
      </c>
      <c r="F285" s="45" t="str">
        <f>D285&amp;E285</f>
        <v>Ｐ建築設備の定期点検</v>
      </c>
      <c r="G285" s="75"/>
      <c r="H285" s="44"/>
      <c r="I285" s="16" t="str">
        <f t="shared" si="4"/>
        <v>　</v>
      </c>
      <c r="J285" s="45" t="s">
        <v>596</v>
      </c>
      <c r="K285" s="48" t="s">
        <v>597</v>
      </c>
    </row>
    <row r="286" spans="2:11" x14ac:dyDescent="0.25">
      <c r="B286" s="194"/>
      <c r="C286" s="198"/>
      <c r="D286" s="42" t="s">
        <v>598</v>
      </c>
      <c r="E286" s="59" t="s">
        <v>599</v>
      </c>
      <c r="F286" s="45" t="str">
        <f>D286&amp;E286</f>
        <v>Ｑクレーンの保守点検</v>
      </c>
      <c r="G286" s="75"/>
      <c r="H286" s="44"/>
      <c r="I286" s="16" t="str">
        <f t="shared" si="4"/>
        <v>　</v>
      </c>
      <c r="J286" s="45" t="s">
        <v>600</v>
      </c>
      <c r="K286" s="49"/>
    </row>
    <row r="287" spans="2:11" x14ac:dyDescent="0.25">
      <c r="B287" s="194"/>
      <c r="C287" s="198"/>
      <c r="D287" s="203" t="s">
        <v>601</v>
      </c>
      <c r="E287" s="209" t="s">
        <v>602</v>
      </c>
      <c r="F287" s="226" t="str">
        <f>D287&amp;E287</f>
        <v>Ｒ放送通信設備の保守点検</v>
      </c>
      <c r="G287" s="38" t="s">
        <v>65</v>
      </c>
      <c r="H287" s="16" t="s">
        <v>603</v>
      </c>
      <c r="I287" s="16" t="str">
        <f t="shared" si="4"/>
        <v>01　電話交換機の保守点検</v>
      </c>
      <c r="J287" s="17" t="s">
        <v>604</v>
      </c>
      <c r="K287" s="50" t="s">
        <v>605</v>
      </c>
    </row>
    <row r="288" spans="2:11" x14ac:dyDescent="0.25">
      <c r="B288" s="194"/>
      <c r="C288" s="198"/>
      <c r="D288" s="204"/>
      <c r="E288" s="210"/>
      <c r="F288" s="226"/>
      <c r="G288" s="39" t="s">
        <v>490</v>
      </c>
      <c r="H288" s="19" t="s">
        <v>606</v>
      </c>
      <c r="I288" s="16" t="str">
        <f t="shared" si="4"/>
        <v>02　テレビ共聴設備</v>
      </c>
      <c r="J288" s="20" t="s">
        <v>607</v>
      </c>
      <c r="K288" s="51"/>
    </row>
    <row r="289" spans="2:11" x14ac:dyDescent="0.25">
      <c r="B289" s="194"/>
      <c r="C289" s="198"/>
      <c r="D289" s="204"/>
      <c r="E289" s="210"/>
      <c r="F289" s="226"/>
      <c r="G289" s="39" t="s">
        <v>73</v>
      </c>
      <c r="H289" s="19" t="s">
        <v>608</v>
      </c>
      <c r="I289" s="16" t="str">
        <f t="shared" si="4"/>
        <v>03　放送設備</v>
      </c>
      <c r="J289" s="20" t="s">
        <v>609</v>
      </c>
      <c r="K289" s="51"/>
    </row>
    <row r="290" spans="2:11" x14ac:dyDescent="0.25">
      <c r="B290" s="194"/>
      <c r="C290" s="198"/>
      <c r="D290" s="205"/>
      <c r="E290" s="211"/>
      <c r="F290" s="226"/>
      <c r="G290" s="40" t="s">
        <v>93</v>
      </c>
      <c r="H290" s="22" t="s">
        <v>94</v>
      </c>
      <c r="I290" s="16" t="str">
        <f t="shared" si="4"/>
        <v>99　その他</v>
      </c>
      <c r="J290" s="23"/>
      <c r="K290" s="52"/>
    </row>
    <row r="291" spans="2:11" x14ac:dyDescent="0.25">
      <c r="B291" s="194"/>
      <c r="C291" s="199"/>
      <c r="D291" s="42" t="s">
        <v>388</v>
      </c>
      <c r="E291" s="59" t="s">
        <v>453</v>
      </c>
      <c r="F291" s="45" t="str">
        <f t="shared" ref="F291:F296" si="6">D291&amp;E291</f>
        <v>Zその他</v>
      </c>
      <c r="G291" s="75"/>
      <c r="H291" s="44"/>
      <c r="I291" s="16" t="str">
        <f t="shared" si="4"/>
        <v>　</v>
      </c>
      <c r="J291" s="60"/>
      <c r="K291" s="47"/>
    </row>
    <row r="292" spans="2:11" ht="42.9" x14ac:dyDescent="0.25">
      <c r="B292" s="194"/>
      <c r="C292" s="53">
        <v>13</v>
      </c>
      <c r="D292" s="42" t="s">
        <v>66</v>
      </c>
      <c r="E292" s="59" t="s">
        <v>610</v>
      </c>
      <c r="F292" s="45" t="str">
        <f t="shared" si="6"/>
        <v>A施設警備</v>
      </c>
      <c r="G292" s="75"/>
      <c r="H292" s="44"/>
      <c r="I292" s="16" t="str">
        <f t="shared" si="4"/>
        <v>　</v>
      </c>
      <c r="J292" s="45" t="s">
        <v>611</v>
      </c>
      <c r="K292" s="46" t="s">
        <v>612</v>
      </c>
    </row>
    <row r="293" spans="2:11" ht="82.5" customHeight="1" x14ac:dyDescent="0.25">
      <c r="B293" s="194"/>
      <c r="C293" s="198" t="s">
        <v>613</v>
      </c>
      <c r="D293" s="42" t="s">
        <v>95</v>
      </c>
      <c r="E293" s="59" t="s">
        <v>614</v>
      </c>
      <c r="F293" s="45" t="str">
        <f t="shared" si="6"/>
        <v>B機械警備</v>
      </c>
      <c r="G293" s="75"/>
      <c r="H293" s="44"/>
      <c r="I293" s="16" t="str">
        <f t="shared" si="4"/>
        <v>　</v>
      </c>
      <c r="J293" s="45" t="s">
        <v>615</v>
      </c>
      <c r="K293" s="46" t="s">
        <v>616</v>
      </c>
    </row>
    <row r="294" spans="2:11" ht="53.6" x14ac:dyDescent="0.25">
      <c r="B294" s="194"/>
      <c r="C294" s="198"/>
      <c r="D294" s="42" t="s">
        <v>617</v>
      </c>
      <c r="E294" s="59" t="s">
        <v>618</v>
      </c>
      <c r="F294" s="45" t="str">
        <f t="shared" si="6"/>
        <v>Ｃその他の警備</v>
      </c>
      <c r="G294" s="75"/>
      <c r="H294" s="44"/>
      <c r="I294" s="16" t="str">
        <f t="shared" si="4"/>
        <v>　</v>
      </c>
      <c r="J294" s="54" t="s">
        <v>619</v>
      </c>
      <c r="K294" s="46" t="s">
        <v>620</v>
      </c>
    </row>
    <row r="295" spans="2:11" x14ac:dyDescent="0.25">
      <c r="B295" s="194"/>
      <c r="C295" s="198"/>
      <c r="D295" s="42" t="s">
        <v>48</v>
      </c>
      <c r="E295" s="59" t="s">
        <v>621</v>
      </c>
      <c r="F295" s="45" t="str">
        <f t="shared" si="6"/>
        <v>D駐車場管理</v>
      </c>
      <c r="G295" s="75"/>
      <c r="H295" s="44"/>
      <c r="I295" s="16" t="str">
        <f t="shared" si="4"/>
        <v>　</v>
      </c>
      <c r="J295" s="45" t="s">
        <v>622</v>
      </c>
      <c r="K295" s="47"/>
    </row>
    <row r="296" spans="2:11" x14ac:dyDescent="0.25">
      <c r="B296" s="194"/>
      <c r="C296" s="198"/>
      <c r="D296" s="203" t="s">
        <v>49</v>
      </c>
      <c r="E296" s="209" t="s">
        <v>623</v>
      </c>
      <c r="F296" s="226" t="str">
        <f t="shared" si="6"/>
        <v>E受付</v>
      </c>
      <c r="G296" s="38" t="s">
        <v>65</v>
      </c>
      <c r="H296" s="16" t="s">
        <v>624</v>
      </c>
      <c r="I296" s="16" t="str">
        <f t="shared" si="4"/>
        <v>01　施設受付</v>
      </c>
      <c r="J296" s="17" t="s">
        <v>625</v>
      </c>
      <c r="K296" s="229"/>
    </row>
    <row r="297" spans="2:11" x14ac:dyDescent="0.25">
      <c r="B297" s="194"/>
      <c r="C297" s="198"/>
      <c r="D297" s="204"/>
      <c r="E297" s="210"/>
      <c r="F297" s="226"/>
      <c r="G297" s="39" t="s">
        <v>490</v>
      </c>
      <c r="H297" s="19" t="s">
        <v>626</v>
      </c>
      <c r="I297" s="16" t="str">
        <f t="shared" si="4"/>
        <v>02　会場案内</v>
      </c>
      <c r="J297" s="20" t="s">
        <v>627</v>
      </c>
      <c r="K297" s="224"/>
    </row>
    <row r="298" spans="2:11" x14ac:dyDescent="0.25">
      <c r="B298" s="194"/>
      <c r="C298" s="198"/>
      <c r="D298" s="205"/>
      <c r="E298" s="211"/>
      <c r="F298" s="226"/>
      <c r="G298" s="40" t="s">
        <v>93</v>
      </c>
      <c r="H298" s="22" t="s">
        <v>94</v>
      </c>
      <c r="I298" s="16" t="str">
        <f t="shared" si="4"/>
        <v>99　その他</v>
      </c>
      <c r="J298" s="23"/>
      <c r="K298" s="225"/>
    </row>
    <row r="299" spans="2:11" x14ac:dyDescent="0.25">
      <c r="B299" s="194"/>
      <c r="C299" s="198"/>
      <c r="D299" s="42" t="s">
        <v>180</v>
      </c>
      <c r="E299" s="59" t="s">
        <v>628</v>
      </c>
      <c r="F299" s="45" t="str">
        <f>D299&amp;E299</f>
        <v>F電話交換</v>
      </c>
      <c r="G299" s="75"/>
      <c r="H299" s="44"/>
      <c r="I299" s="16" t="str">
        <f t="shared" si="4"/>
        <v>　</v>
      </c>
      <c r="J299" s="45" t="s">
        <v>629</v>
      </c>
      <c r="K299" s="47"/>
    </row>
    <row r="300" spans="2:11" x14ac:dyDescent="0.25">
      <c r="B300" s="194"/>
      <c r="C300" s="199"/>
      <c r="D300" s="42" t="s">
        <v>388</v>
      </c>
      <c r="E300" s="59" t="s">
        <v>453</v>
      </c>
      <c r="F300" s="45" t="str">
        <f>D300&amp;E300</f>
        <v>Zその他</v>
      </c>
      <c r="G300" s="75"/>
      <c r="H300" s="44"/>
      <c r="I300" s="16" t="str">
        <f t="shared" si="4"/>
        <v>　</v>
      </c>
      <c r="J300" s="45" t="s">
        <v>630</v>
      </c>
      <c r="K300" s="47"/>
    </row>
    <row r="301" spans="2:11" x14ac:dyDescent="0.25">
      <c r="B301" s="194"/>
      <c r="C301" s="55">
        <v>14</v>
      </c>
      <c r="D301" s="204" t="s">
        <v>66</v>
      </c>
      <c r="E301" s="210" t="s">
        <v>631</v>
      </c>
      <c r="F301" s="226" t="str">
        <f>D301&amp;E301</f>
        <v>A調査・研究</v>
      </c>
      <c r="G301" s="56" t="s">
        <v>65</v>
      </c>
      <c r="H301" s="25" t="s">
        <v>632</v>
      </c>
      <c r="I301" s="16" t="str">
        <f t="shared" si="4"/>
        <v>01　意識調査</v>
      </c>
      <c r="J301" s="31" t="s">
        <v>633</v>
      </c>
      <c r="K301" s="229"/>
    </row>
    <row r="302" spans="2:11" x14ac:dyDescent="0.25">
      <c r="B302" s="194"/>
      <c r="C302" s="198" t="s">
        <v>634</v>
      </c>
      <c r="D302" s="204"/>
      <c r="E302" s="210"/>
      <c r="F302" s="226"/>
      <c r="G302" s="39" t="s">
        <v>490</v>
      </c>
      <c r="H302" s="19" t="s">
        <v>635</v>
      </c>
      <c r="I302" s="16" t="str">
        <f t="shared" si="4"/>
        <v>02　市場経済調査</v>
      </c>
      <c r="J302" s="20" t="s">
        <v>636</v>
      </c>
      <c r="K302" s="224"/>
    </row>
    <row r="303" spans="2:11" x14ac:dyDescent="0.25">
      <c r="B303" s="194"/>
      <c r="C303" s="198"/>
      <c r="D303" s="204"/>
      <c r="E303" s="210"/>
      <c r="F303" s="226"/>
      <c r="G303" s="39" t="s">
        <v>73</v>
      </c>
      <c r="H303" s="19" t="s">
        <v>637</v>
      </c>
      <c r="I303" s="16" t="str">
        <f t="shared" si="4"/>
        <v>03　交通関係調査</v>
      </c>
      <c r="J303" s="20" t="s">
        <v>638</v>
      </c>
      <c r="K303" s="224"/>
    </row>
    <row r="304" spans="2:11" x14ac:dyDescent="0.25">
      <c r="B304" s="194"/>
      <c r="C304" s="198"/>
      <c r="D304" s="204"/>
      <c r="E304" s="210"/>
      <c r="F304" s="226"/>
      <c r="G304" s="39" t="s">
        <v>76</v>
      </c>
      <c r="H304" s="19" t="s">
        <v>639</v>
      </c>
      <c r="I304" s="16" t="str">
        <f t="shared" si="4"/>
        <v>04　環境関係調査</v>
      </c>
      <c r="J304" s="20" t="s">
        <v>640</v>
      </c>
      <c r="K304" s="224"/>
    </row>
    <row r="305" spans="2:11" x14ac:dyDescent="0.25">
      <c r="B305" s="194"/>
      <c r="C305" s="198"/>
      <c r="D305" s="204"/>
      <c r="E305" s="210"/>
      <c r="F305" s="226"/>
      <c r="G305" s="39" t="s">
        <v>79</v>
      </c>
      <c r="H305" s="19" t="s">
        <v>641</v>
      </c>
      <c r="I305" s="16" t="str">
        <f t="shared" si="4"/>
        <v>05　漏水調査</v>
      </c>
      <c r="J305" s="20" t="s">
        <v>642</v>
      </c>
      <c r="K305" s="224"/>
    </row>
    <row r="306" spans="2:11" x14ac:dyDescent="0.25">
      <c r="B306" s="194"/>
      <c r="C306" s="198"/>
      <c r="D306" s="204"/>
      <c r="E306" s="210"/>
      <c r="F306" s="226"/>
      <c r="G306" s="39" t="s">
        <v>82</v>
      </c>
      <c r="H306" s="19" t="s">
        <v>643</v>
      </c>
      <c r="I306" s="16" t="str">
        <f t="shared" si="4"/>
        <v>06　研究</v>
      </c>
      <c r="J306" s="20" t="s">
        <v>644</v>
      </c>
      <c r="K306" s="224"/>
    </row>
    <row r="307" spans="2:11" x14ac:dyDescent="0.25">
      <c r="B307" s="194"/>
      <c r="C307" s="198"/>
      <c r="D307" s="204"/>
      <c r="E307" s="210"/>
      <c r="F307" s="226"/>
      <c r="G307" s="39" t="s">
        <v>85</v>
      </c>
      <c r="H307" s="19" t="s">
        <v>645</v>
      </c>
      <c r="I307" s="16" t="str">
        <f t="shared" si="4"/>
        <v>07　計画</v>
      </c>
      <c r="J307" s="20" t="s">
        <v>646</v>
      </c>
      <c r="K307" s="224"/>
    </row>
    <row r="308" spans="2:11" x14ac:dyDescent="0.25">
      <c r="B308" s="194"/>
      <c r="C308" s="198"/>
      <c r="D308" s="205"/>
      <c r="E308" s="211"/>
      <c r="F308" s="226"/>
      <c r="G308" s="57">
        <v>99</v>
      </c>
      <c r="H308" s="22" t="s">
        <v>94</v>
      </c>
      <c r="I308" s="16" t="str">
        <f t="shared" si="4"/>
        <v>99　その他</v>
      </c>
      <c r="J308" s="23" t="s">
        <v>647</v>
      </c>
      <c r="K308" s="225"/>
    </row>
    <row r="309" spans="2:11" x14ac:dyDescent="0.25">
      <c r="B309" s="194"/>
      <c r="C309" s="198"/>
      <c r="D309" s="203" t="s">
        <v>95</v>
      </c>
      <c r="E309" s="209" t="s">
        <v>648</v>
      </c>
      <c r="F309" s="226" t="str">
        <f>D309&amp;E309</f>
        <v>B環境測定</v>
      </c>
      <c r="G309" s="38" t="s">
        <v>65</v>
      </c>
      <c r="H309" s="16" t="s">
        <v>649</v>
      </c>
      <c r="I309" s="16" t="str">
        <f t="shared" si="4"/>
        <v>01　大気・悪臭検査</v>
      </c>
      <c r="J309" s="17" t="s">
        <v>650</v>
      </c>
      <c r="K309" s="223" t="s">
        <v>651</v>
      </c>
    </row>
    <row r="310" spans="2:11" x14ac:dyDescent="0.25">
      <c r="B310" s="194"/>
      <c r="C310" s="198"/>
      <c r="D310" s="204"/>
      <c r="E310" s="210"/>
      <c r="F310" s="226"/>
      <c r="G310" s="39" t="s">
        <v>490</v>
      </c>
      <c r="H310" s="19" t="s">
        <v>652</v>
      </c>
      <c r="I310" s="16" t="str">
        <f t="shared" si="4"/>
        <v>02　水質・土壌検査</v>
      </c>
      <c r="J310" s="20" t="s">
        <v>653</v>
      </c>
      <c r="K310" s="224"/>
    </row>
    <row r="311" spans="2:11" x14ac:dyDescent="0.25">
      <c r="B311" s="194"/>
      <c r="C311" s="198"/>
      <c r="D311" s="204"/>
      <c r="E311" s="210"/>
      <c r="F311" s="226"/>
      <c r="G311" s="39" t="s">
        <v>172</v>
      </c>
      <c r="H311" s="19" t="s">
        <v>654</v>
      </c>
      <c r="I311" s="16" t="str">
        <f t="shared" si="4"/>
        <v>03　ダイオキシン検査</v>
      </c>
      <c r="J311" s="20" t="s">
        <v>655</v>
      </c>
      <c r="K311" s="224"/>
    </row>
    <row r="312" spans="2:11" x14ac:dyDescent="0.25">
      <c r="B312" s="194"/>
      <c r="C312" s="198"/>
      <c r="D312" s="205"/>
      <c r="E312" s="211"/>
      <c r="F312" s="226"/>
      <c r="G312" s="40" t="s">
        <v>93</v>
      </c>
      <c r="H312" s="22" t="s">
        <v>94</v>
      </c>
      <c r="I312" s="16" t="str">
        <f t="shared" si="4"/>
        <v>99　その他</v>
      </c>
      <c r="J312" s="23" t="s">
        <v>656</v>
      </c>
      <c r="K312" s="225"/>
    </row>
    <row r="313" spans="2:11" ht="23.15" x14ac:dyDescent="0.25">
      <c r="B313" s="194"/>
      <c r="C313" s="198"/>
      <c r="D313" s="42" t="s">
        <v>121</v>
      </c>
      <c r="E313" s="59" t="s">
        <v>657</v>
      </c>
      <c r="F313" s="45" t="str">
        <f>D313&amp;E313</f>
        <v>C理化学検査</v>
      </c>
      <c r="G313" s="75"/>
      <c r="H313" s="44"/>
      <c r="I313" s="16" t="str">
        <f t="shared" si="4"/>
        <v>　</v>
      </c>
      <c r="J313" s="54" t="s">
        <v>658</v>
      </c>
      <c r="K313" s="47" t="s">
        <v>659</v>
      </c>
    </row>
    <row r="314" spans="2:11" ht="23.15" x14ac:dyDescent="0.25">
      <c r="B314" s="194"/>
      <c r="C314" s="198"/>
      <c r="D314" s="42" t="s">
        <v>134</v>
      </c>
      <c r="E314" s="59" t="s">
        <v>660</v>
      </c>
      <c r="F314" s="45" t="str">
        <f>D314&amp;E314</f>
        <v>D作業環境測定</v>
      </c>
      <c r="G314" s="75"/>
      <c r="H314" s="44"/>
      <c r="I314" s="16" t="str">
        <f t="shared" si="4"/>
        <v>　</v>
      </c>
      <c r="J314" s="54" t="s">
        <v>661</v>
      </c>
      <c r="K314" s="46" t="s">
        <v>662</v>
      </c>
    </row>
    <row r="315" spans="2:11" x14ac:dyDescent="0.25">
      <c r="B315" s="194"/>
      <c r="C315" s="198"/>
      <c r="D315" s="42" t="s">
        <v>166</v>
      </c>
      <c r="E315" s="59" t="s">
        <v>663</v>
      </c>
      <c r="F315" s="45" t="str">
        <f>D315&amp;E315</f>
        <v>E水道水質検査</v>
      </c>
      <c r="G315" s="75"/>
      <c r="H315" s="44"/>
      <c r="I315" s="16" t="str">
        <f t="shared" si="4"/>
        <v>　</v>
      </c>
      <c r="J315" s="45" t="s">
        <v>664</v>
      </c>
      <c r="K315" s="47" t="s">
        <v>665</v>
      </c>
    </row>
    <row r="316" spans="2:11" x14ac:dyDescent="0.25">
      <c r="B316" s="194"/>
      <c r="C316" s="199"/>
      <c r="D316" s="42" t="s">
        <v>388</v>
      </c>
      <c r="E316" s="59" t="s">
        <v>453</v>
      </c>
      <c r="F316" s="45" t="str">
        <f>D316&amp;E316</f>
        <v>Zその他</v>
      </c>
      <c r="G316" s="75"/>
      <c r="H316" s="44"/>
      <c r="I316" s="16" t="str">
        <f t="shared" si="4"/>
        <v>　</v>
      </c>
      <c r="J316" s="45"/>
      <c r="K316" s="47"/>
    </row>
    <row r="317" spans="2:11" x14ac:dyDescent="0.25">
      <c r="B317" s="194"/>
      <c r="C317" s="53">
        <v>15</v>
      </c>
      <c r="D317" s="203" t="s">
        <v>66</v>
      </c>
      <c r="E317" s="209" t="s">
        <v>666</v>
      </c>
      <c r="F317" s="226" t="str">
        <f>D317&amp;E317</f>
        <v>A情報提供サービス</v>
      </c>
      <c r="G317" s="38" t="s">
        <v>65</v>
      </c>
      <c r="H317" s="16" t="s">
        <v>667</v>
      </c>
      <c r="I317" s="16" t="str">
        <f t="shared" si="4"/>
        <v>01　データベース</v>
      </c>
      <c r="J317" s="17" t="s">
        <v>668</v>
      </c>
      <c r="K317" s="229"/>
    </row>
    <row r="318" spans="2:11" x14ac:dyDescent="0.25">
      <c r="B318" s="194"/>
      <c r="C318" s="198" t="s">
        <v>669</v>
      </c>
      <c r="D318" s="204"/>
      <c r="E318" s="210"/>
      <c r="F318" s="226"/>
      <c r="G318" s="39" t="s">
        <v>490</v>
      </c>
      <c r="H318" s="19" t="s">
        <v>670</v>
      </c>
      <c r="I318" s="16" t="str">
        <f t="shared" si="4"/>
        <v>02　ＦＡＸ</v>
      </c>
      <c r="J318" s="20" t="s">
        <v>671</v>
      </c>
      <c r="K318" s="224"/>
    </row>
    <row r="319" spans="2:11" x14ac:dyDescent="0.25">
      <c r="B319" s="194"/>
      <c r="C319" s="198"/>
      <c r="D319" s="205"/>
      <c r="E319" s="211"/>
      <c r="F319" s="226"/>
      <c r="G319" s="57">
        <v>99</v>
      </c>
      <c r="H319" s="22" t="s">
        <v>94</v>
      </c>
      <c r="I319" s="16" t="str">
        <f t="shared" si="4"/>
        <v>99　その他</v>
      </c>
      <c r="J319" s="23"/>
      <c r="K319" s="225"/>
    </row>
    <row r="320" spans="2:11" x14ac:dyDescent="0.25">
      <c r="B320" s="194"/>
      <c r="C320" s="198"/>
      <c r="D320" s="203" t="s">
        <v>95</v>
      </c>
      <c r="E320" s="209" t="s">
        <v>672</v>
      </c>
      <c r="F320" s="226" t="str">
        <f>D320&amp;E320</f>
        <v>B電気通信回線サービス</v>
      </c>
      <c r="G320" s="38" t="s">
        <v>65</v>
      </c>
      <c r="H320" s="16" t="s">
        <v>0</v>
      </c>
      <c r="I320" s="16" t="str">
        <f t="shared" si="4"/>
        <v>01　電話</v>
      </c>
      <c r="J320" s="17" t="s">
        <v>673</v>
      </c>
      <c r="K320" s="229" t="s">
        <v>674</v>
      </c>
    </row>
    <row r="321" spans="2:11" x14ac:dyDescent="0.25">
      <c r="B321" s="194"/>
      <c r="C321" s="198"/>
      <c r="D321" s="204"/>
      <c r="E321" s="210"/>
      <c r="F321" s="226"/>
      <c r="G321" s="39" t="s">
        <v>490</v>
      </c>
      <c r="H321" s="19" t="s">
        <v>675</v>
      </c>
      <c r="I321" s="16" t="str">
        <f t="shared" si="4"/>
        <v>02　データ通信</v>
      </c>
      <c r="J321" s="20"/>
      <c r="K321" s="224"/>
    </row>
    <row r="322" spans="2:11" x14ac:dyDescent="0.25">
      <c r="B322" s="194"/>
      <c r="C322" s="198"/>
      <c r="D322" s="204"/>
      <c r="E322" s="210"/>
      <c r="F322" s="226"/>
      <c r="G322" s="39" t="s">
        <v>73</v>
      </c>
      <c r="H322" s="19" t="s">
        <v>676</v>
      </c>
      <c r="I322" s="16" t="str">
        <f t="shared" si="4"/>
        <v>03　インターネットプロバイダ</v>
      </c>
      <c r="J322" s="20" t="s">
        <v>677</v>
      </c>
      <c r="K322" s="224"/>
    </row>
    <row r="323" spans="2:11" x14ac:dyDescent="0.25">
      <c r="B323" s="194"/>
      <c r="C323" s="198"/>
      <c r="D323" s="205"/>
      <c r="E323" s="211"/>
      <c r="F323" s="226"/>
      <c r="G323" s="40" t="s">
        <v>93</v>
      </c>
      <c r="H323" s="22" t="s">
        <v>94</v>
      </c>
      <c r="I323" s="16" t="str">
        <f t="shared" si="4"/>
        <v>99　その他</v>
      </c>
      <c r="J323" s="23"/>
      <c r="K323" s="225"/>
    </row>
    <row r="324" spans="2:11" ht="150" x14ac:dyDescent="0.25">
      <c r="B324" s="194"/>
      <c r="C324" s="198"/>
      <c r="D324" s="42" t="s">
        <v>617</v>
      </c>
      <c r="E324" s="59" t="s">
        <v>54</v>
      </c>
      <c r="F324" s="45" t="str">
        <f t="shared" ref="F324:F330" si="7">D324&amp;E324</f>
        <v>Ｃシステムの設計・開発</v>
      </c>
      <c r="G324" s="75"/>
      <c r="H324" s="44"/>
      <c r="I324" s="16" t="str">
        <f t="shared" si="4"/>
        <v>　</v>
      </c>
      <c r="J324" s="45" t="s">
        <v>678</v>
      </c>
      <c r="K324" s="46" t="s">
        <v>679</v>
      </c>
    </row>
    <row r="325" spans="2:11" ht="150" x14ac:dyDescent="0.25">
      <c r="B325" s="194"/>
      <c r="C325" s="198"/>
      <c r="D325" s="42" t="s">
        <v>134</v>
      </c>
      <c r="E325" s="59" t="s">
        <v>680</v>
      </c>
      <c r="F325" s="45" t="str">
        <f t="shared" si="7"/>
        <v>Dシステムの保守・管理</v>
      </c>
      <c r="G325" s="75"/>
      <c r="H325" s="44"/>
      <c r="I325" s="16" t="str">
        <f t="shared" ref="I325:I388" si="8">G325&amp;$A$10&amp;H325</f>
        <v>　</v>
      </c>
      <c r="J325" s="58" t="s">
        <v>681</v>
      </c>
      <c r="K325" s="46" t="s">
        <v>682</v>
      </c>
    </row>
    <row r="326" spans="2:11" x14ac:dyDescent="0.25">
      <c r="B326" s="194"/>
      <c r="C326" s="198"/>
      <c r="D326" s="42" t="s">
        <v>166</v>
      </c>
      <c r="E326" s="59" t="s">
        <v>683</v>
      </c>
      <c r="F326" s="45" t="str">
        <f t="shared" si="7"/>
        <v>Eホームページ作成・管理</v>
      </c>
      <c r="G326" s="75"/>
      <c r="H326" s="44"/>
      <c r="I326" s="16" t="str">
        <f t="shared" si="8"/>
        <v>　</v>
      </c>
      <c r="J326" s="45" t="s">
        <v>684</v>
      </c>
      <c r="K326" s="47" t="s">
        <v>685</v>
      </c>
    </row>
    <row r="327" spans="2:11" ht="23.15" x14ac:dyDescent="0.25">
      <c r="B327" s="194"/>
      <c r="C327" s="198"/>
      <c r="D327" s="42" t="s">
        <v>180</v>
      </c>
      <c r="E327" s="59" t="s">
        <v>686</v>
      </c>
      <c r="F327" s="45" t="str">
        <f t="shared" si="7"/>
        <v>Fデータ処理</v>
      </c>
      <c r="G327" s="75"/>
      <c r="H327" s="44"/>
      <c r="I327" s="16" t="str">
        <f t="shared" si="8"/>
        <v>　</v>
      </c>
      <c r="J327" s="54" t="s">
        <v>687</v>
      </c>
      <c r="K327" s="47"/>
    </row>
    <row r="328" spans="2:11" ht="53.6" x14ac:dyDescent="0.25">
      <c r="B328" s="194"/>
      <c r="C328" s="198"/>
      <c r="D328" s="42" t="s">
        <v>227</v>
      </c>
      <c r="E328" s="59" t="s">
        <v>688</v>
      </c>
      <c r="F328" s="45" t="str">
        <f t="shared" si="7"/>
        <v>GＩＴコンサルティング</v>
      </c>
      <c r="G328" s="75"/>
      <c r="H328" s="44"/>
      <c r="I328" s="16" t="str">
        <f t="shared" si="8"/>
        <v>　</v>
      </c>
      <c r="J328" s="54" t="s">
        <v>689</v>
      </c>
      <c r="K328" s="46" t="s">
        <v>690</v>
      </c>
    </row>
    <row r="329" spans="2:11" x14ac:dyDescent="0.25">
      <c r="B329" s="194"/>
      <c r="C329" s="199"/>
      <c r="D329" s="42" t="s">
        <v>388</v>
      </c>
      <c r="E329" s="59" t="s">
        <v>453</v>
      </c>
      <c r="F329" s="45" t="str">
        <f t="shared" si="7"/>
        <v>Zその他</v>
      </c>
      <c r="G329" s="75"/>
      <c r="H329" s="44"/>
      <c r="I329" s="16" t="str">
        <f t="shared" si="8"/>
        <v>　</v>
      </c>
      <c r="J329" s="45" t="s">
        <v>691</v>
      </c>
      <c r="K329" s="47"/>
    </row>
    <row r="330" spans="2:11" x14ac:dyDescent="0.25">
      <c r="B330" s="194"/>
      <c r="C330" s="53">
        <v>16</v>
      </c>
      <c r="D330" s="203" t="s">
        <v>66</v>
      </c>
      <c r="E330" s="209" t="s">
        <v>692</v>
      </c>
      <c r="F330" s="226" t="str">
        <f t="shared" si="7"/>
        <v>A広告・広報</v>
      </c>
      <c r="G330" s="38" t="s">
        <v>65</v>
      </c>
      <c r="H330" s="16" t="s">
        <v>693</v>
      </c>
      <c r="I330" s="16" t="str">
        <f t="shared" si="8"/>
        <v>01　広告代理</v>
      </c>
      <c r="J330" s="17" t="s">
        <v>694</v>
      </c>
      <c r="K330" s="229"/>
    </row>
    <row r="331" spans="2:11" ht="82.5" customHeight="1" x14ac:dyDescent="0.25">
      <c r="B331" s="194"/>
      <c r="C331" s="198" t="s">
        <v>695</v>
      </c>
      <c r="D331" s="204"/>
      <c r="E331" s="210"/>
      <c r="F331" s="226"/>
      <c r="G331" s="39" t="s">
        <v>490</v>
      </c>
      <c r="H331" s="19" t="s">
        <v>696</v>
      </c>
      <c r="I331" s="16" t="str">
        <f t="shared" si="8"/>
        <v>02　テレビ・ラジオ・新聞等</v>
      </c>
      <c r="J331" s="20" t="s">
        <v>697</v>
      </c>
      <c r="K331" s="224"/>
    </row>
    <row r="332" spans="2:11" x14ac:dyDescent="0.25">
      <c r="B332" s="194"/>
      <c r="C332" s="198"/>
      <c r="D332" s="204"/>
      <c r="E332" s="210"/>
      <c r="F332" s="226"/>
      <c r="G332" s="39" t="s">
        <v>73</v>
      </c>
      <c r="H332" s="19" t="s">
        <v>698</v>
      </c>
      <c r="I332" s="16" t="str">
        <f t="shared" si="8"/>
        <v>03　新聞折込</v>
      </c>
      <c r="J332" s="20" t="s">
        <v>699</v>
      </c>
      <c r="K332" s="224"/>
    </row>
    <row r="333" spans="2:11" x14ac:dyDescent="0.25">
      <c r="B333" s="194"/>
      <c r="C333" s="198"/>
      <c r="D333" s="205"/>
      <c r="E333" s="211"/>
      <c r="F333" s="226"/>
      <c r="G333" s="40" t="s">
        <v>93</v>
      </c>
      <c r="H333" s="22" t="s">
        <v>94</v>
      </c>
      <c r="I333" s="16" t="str">
        <f t="shared" si="8"/>
        <v>99　その他</v>
      </c>
      <c r="J333" s="23"/>
      <c r="K333" s="225"/>
    </row>
    <row r="334" spans="2:11" x14ac:dyDescent="0.25">
      <c r="B334" s="194"/>
      <c r="C334" s="198"/>
      <c r="D334" s="42" t="s">
        <v>95</v>
      </c>
      <c r="E334" s="59" t="s">
        <v>700</v>
      </c>
      <c r="F334" s="45" t="str">
        <f>D334&amp;E334</f>
        <v>B展示物</v>
      </c>
      <c r="G334" s="75">
        <v>0</v>
      </c>
      <c r="H334" s="44" t="s">
        <v>830</v>
      </c>
      <c r="I334" s="16" t="str">
        <f t="shared" si="8"/>
        <v>0　-</v>
      </c>
      <c r="J334" s="45" t="s">
        <v>701</v>
      </c>
      <c r="K334" s="47"/>
    </row>
    <row r="335" spans="2:11" x14ac:dyDescent="0.25">
      <c r="B335" s="194"/>
      <c r="C335" s="198"/>
      <c r="D335" s="42" t="s">
        <v>121</v>
      </c>
      <c r="E335" s="59" t="s">
        <v>702</v>
      </c>
      <c r="F335" s="45" t="str">
        <f>D335&amp;E335</f>
        <v>C映画・ビデオ</v>
      </c>
      <c r="G335" s="75">
        <v>0</v>
      </c>
      <c r="H335" s="44" t="s">
        <v>830</v>
      </c>
      <c r="I335" s="16" t="str">
        <f t="shared" si="8"/>
        <v>0　-</v>
      </c>
      <c r="J335" s="45" t="s">
        <v>703</v>
      </c>
      <c r="K335" s="47"/>
    </row>
    <row r="336" spans="2:11" x14ac:dyDescent="0.25">
      <c r="B336" s="194"/>
      <c r="C336" s="198"/>
      <c r="D336" s="203" t="s">
        <v>134</v>
      </c>
      <c r="E336" s="209" t="s">
        <v>704</v>
      </c>
      <c r="F336" s="232" t="str">
        <f>D336&amp;E336</f>
        <v>Dイベント</v>
      </c>
      <c r="G336" s="38" t="s">
        <v>65</v>
      </c>
      <c r="H336" s="16" t="s">
        <v>705</v>
      </c>
      <c r="I336" s="16" t="str">
        <f t="shared" si="8"/>
        <v>01　企画・運営</v>
      </c>
      <c r="J336" s="17" t="s">
        <v>706</v>
      </c>
      <c r="K336" s="229"/>
    </row>
    <row r="337" spans="2:11" x14ac:dyDescent="0.25">
      <c r="B337" s="194"/>
      <c r="C337" s="198"/>
      <c r="D337" s="204"/>
      <c r="E337" s="210"/>
      <c r="F337" s="233"/>
      <c r="G337" s="39" t="s">
        <v>490</v>
      </c>
      <c r="H337" s="19" t="s">
        <v>707</v>
      </c>
      <c r="I337" s="16" t="str">
        <f t="shared" si="8"/>
        <v>02　会場設営</v>
      </c>
      <c r="J337" s="20" t="s">
        <v>708</v>
      </c>
      <c r="K337" s="224"/>
    </row>
    <row r="338" spans="2:11" x14ac:dyDescent="0.25">
      <c r="B338" s="194"/>
      <c r="C338" s="198"/>
      <c r="D338" s="204"/>
      <c r="E338" s="210"/>
      <c r="F338" s="233"/>
      <c r="G338" s="39" t="s">
        <v>172</v>
      </c>
      <c r="H338" s="19" t="s">
        <v>709</v>
      </c>
      <c r="I338" s="16" t="str">
        <f t="shared" si="8"/>
        <v>03　音響・照明機器等の操作</v>
      </c>
      <c r="J338" s="20" t="s">
        <v>709</v>
      </c>
      <c r="K338" s="224"/>
    </row>
    <row r="339" spans="2:11" x14ac:dyDescent="0.25">
      <c r="B339" s="194"/>
      <c r="C339" s="198"/>
      <c r="D339" s="205"/>
      <c r="E339" s="211"/>
      <c r="F339" s="234"/>
      <c r="G339" s="40" t="s">
        <v>93</v>
      </c>
      <c r="H339" s="22" t="s">
        <v>94</v>
      </c>
      <c r="I339" s="16" t="str">
        <f t="shared" si="8"/>
        <v>99　その他</v>
      </c>
      <c r="J339" s="23"/>
      <c r="K339" s="225"/>
    </row>
    <row r="340" spans="2:11" x14ac:dyDescent="0.25">
      <c r="B340" s="194"/>
      <c r="C340" s="198"/>
      <c r="D340" s="203" t="s">
        <v>166</v>
      </c>
      <c r="E340" s="209" t="s">
        <v>710</v>
      </c>
      <c r="F340" s="226" t="str">
        <f>D340&amp;E340</f>
        <v>E研修等</v>
      </c>
      <c r="G340" s="38" t="s">
        <v>65</v>
      </c>
      <c r="H340" s="16" t="s">
        <v>711</v>
      </c>
      <c r="I340" s="16" t="str">
        <f t="shared" si="8"/>
        <v>01　職員研修</v>
      </c>
      <c r="J340" s="17" t="s">
        <v>712</v>
      </c>
      <c r="K340" s="229"/>
    </row>
    <row r="341" spans="2:11" x14ac:dyDescent="0.25">
      <c r="B341" s="194"/>
      <c r="C341" s="198"/>
      <c r="D341" s="204"/>
      <c r="E341" s="210"/>
      <c r="F341" s="226"/>
      <c r="G341" s="39" t="s">
        <v>70</v>
      </c>
      <c r="H341" s="19" t="s">
        <v>713</v>
      </c>
      <c r="I341" s="16" t="str">
        <f t="shared" si="8"/>
        <v>02　航空機訓練</v>
      </c>
      <c r="J341" s="20" t="s">
        <v>714</v>
      </c>
      <c r="K341" s="224"/>
    </row>
    <row r="342" spans="2:11" x14ac:dyDescent="0.25">
      <c r="B342" s="194"/>
      <c r="C342" s="198"/>
      <c r="D342" s="204"/>
      <c r="E342" s="210"/>
      <c r="F342" s="226"/>
      <c r="G342" s="39" t="s">
        <v>172</v>
      </c>
      <c r="H342" s="19" t="s">
        <v>715</v>
      </c>
      <c r="I342" s="16" t="str">
        <f t="shared" si="8"/>
        <v>03　職業訓練</v>
      </c>
      <c r="J342" s="20"/>
      <c r="K342" s="224"/>
    </row>
    <row r="343" spans="2:11" x14ac:dyDescent="0.25">
      <c r="B343" s="194"/>
      <c r="C343" s="198"/>
      <c r="D343" s="204"/>
      <c r="E343" s="210"/>
      <c r="F343" s="226"/>
      <c r="G343" s="39" t="s">
        <v>76</v>
      </c>
      <c r="H343" s="19" t="s">
        <v>716</v>
      </c>
      <c r="I343" s="16" t="str">
        <f t="shared" si="8"/>
        <v>04　運転免許関係講習</v>
      </c>
      <c r="J343" s="20" t="s">
        <v>717</v>
      </c>
      <c r="K343" s="224"/>
    </row>
    <row r="344" spans="2:11" x14ac:dyDescent="0.25">
      <c r="B344" s="194"/>
      <c r="C344" s="198"/>
      <c r="D344" s="205"/>
      <c r="E344" s="211"/>
      <c r="F344" s="226"/>
      <c r="G344" s="40" t="s">
        <v>93</v>
      </c>
      <c r="H344" s="22" t="s">
        <v>94</v>
      </c>
      <c r="I344" s="16" t="str">
        <f t="shared" si="8"/>
        <v>99　その他</v>
      </c>
      <c r="J344" s="23"/>
      <c r="K344" s="225"/>
    </row>
    <row r="345" spans="2:11" x14ac:dyDescent="0.25">
      <c r="B345" s="194"/>
      <c r="C345" s="198"/>
      <c r="D345" s="42" t="s">
        <v>180</v>
      </c>
      <c r="E345" s="59" t="s">
        <v>39</v>
      </c>
      <c r="F345" s="45" t="str">
        <f>D345&amp;E345</f>
        <v>Fデザイン</v>
      </c>
      <c r="G345" s="75"/>
      <c r="H345" s="44"/>
      <c r="I345" s="16" t="str">
        <f t="shared" si="8"/>
        <v>　</v>
      </c>
      <c r="J345" s="45" t="s">
        <v>718</v>
      </c>
      <c r="K345" s="47"/>
    </row>
    <row r="346" spans="2:11" x14ac:dyDescent="0.25">
      <c r="B346" s="194"/>
      <c r="C346" s="198"/>
      <c r="D346" s="42" t="s">
        <v>227</v>
      </c>
      <c r="E346" s="59" t="s">
        <v>719</v>
      </c>
      <c r="F346" s="45" t="str">
        <f>D346&amp;E346</f>
        <v>G設計</v>
      </c>
      <c r="G346" s="75"/>
      <c r="H346" s="44"/>
      <c r="I346" s="16" t="str">
        <f t="shared" si="8"/>
        <v>　</v>
      </c>
      <c r="J346" s="45" t="s">
        <v>720</v>
      </c>
      <c r="K346" s="47"/>
    </row>
    <row r="347" spans="2:11" x14ac:dyDescent="0.25">
      <c r="B347" s="194"/>
      <c r="C347" s="198"/>
      <c r="D347" s="203" t="s">
        <v>523</v>
      </c>
      <c r="E347" s="209" t="s">
        <v>721</v>
      </c>
      <c r="F347" s="226" t="str">
        <f>D347&amp;E347</f>
        <v>H写真撮影・製図</v>
      </c>
      <c r="G347" s="38" t="s">
        <v>65</v>
      </c>
      <c r="H347" s="16" t="s">
        <v>722</v>
      </c>
      <c r="I347" s="16" t="str">
        <f t="shared" si="8"/>
        <v>01　写真撮影</v>
      </c>
      <c r="J347" s="17" t="s">
        <v>723</v>
      </c>
      <c r="K347" s="229"/>
    </row>
    <row r="348" spans="2:11" x14ac:dyDescent="0.25">
      <c r="B348" s="194"/>
      <c r="C348" s="198"/>
      <c r="D348" s="204"/>
      <c r="E348" s="210"/>
      <c r="F348" s="226"/>
      <c r="G348" s="39" t="s">
        <v>70</v>
      </c>
      <c r="H348" s="19" t="s">
        <v>724</v>
      </c>
      <c r="I348" s="16" t="str">
        <f t="shared" si="8"/>
        <v>02　航空写真</v>
      </c>
      <c r="J348" s="20" t="s">
        <v>725</v>
      </c>
      <c r="K348" s="224"/>
    </row>
    <row r="349" spans="2:11" x14ac:dyDescent="0.25">
      <c r="B349" s="194"/>
      <c r="C349" s="198"/>
      <c r="D349" s="204"/>
      <c r="E349" s="210"/>
      <c r="F349" s="226"/>
      <c r="G349" s="39" t="s">
        <v>172</v>
      </c>
      <c r="H349" s="19" t="s">
        <v>726</v>
      </c>
      <c r="I349" s="16" t="str">
        <f t="shared" si="8"/>
        <v>03　図面製作</v>
      </c>
      <c r="J349" s="20" t="s">
        <v>727</v>
      </c>
      <c r="K349" s="224"/>
    </row>
    <row r="350" spans="2:11" x14ac:dyDescent="0.25">
      <c r="B350" s="194"/>
      <c r="C350" s="198"/>
      <c r="D350" s="205"/>
      <c r="E350" s="211"/>
      <c r="F350" s="226"/>
      <c r="G350" s="40" t="s">
        <v>93</v>
      </c>
      <c r="H350" s="22" t="s">
        <v>94</v>
      </c>
      <c r="I350" s="16" t="str">
        <f t="shared" si="8"/>
        <v>99　その他</v>
      </c>
      <c r="J350" s="23" t="s">
        <v>728</v>
      </c>
      <c r="K350" s="225"/>
    </row>
    <row r="351" spans="2:11" x14ac:dyDescent="0.25">
      <c r="B351" s="194"/>
      <c r="C351" s="198"/>
      <c r="D351" s="42" t="s">
        <v>729</v>
      </c>
      <c r="E351" s="59" t="s">
        <v>730</v>
      </c>
      <c r="F351" s="45" t="str">
        <f>D351&amp;E351</f>
        <v>I旅行企画</v>
      </c>
      <c r="G351" s="75"/>
      <c r="H351" s="44"/>
      <c r="I351" s="16" t="str">
        <f t="shared" si="8"/>
        <v>　</v>
      </c>
      <c r="J351" s="45" t="s">
        <v>731</v>
      </c>
      <c r="K351" s="47" t="s">
        <v>732</v>
      </c>
    </row>
    <row r="352" spans="2:11" x14ac:dyDescent="0.25">
      <c r="B352" s="194"/>
      <c r="C352" s="199"/>
      <c r="D352" s="42" t="s">
        <v>388</v>
      </c>
      <c r="E352" s="59" t="s">
        <v>453</v>
      </c>
      <c r="F352" s="45" t="str">
        <f>D352&amp;E352</f>
        <v>Zその他</v>
      </c>
      <c r="G352" s="75"/>
      <c r="H352" s="44"/>
      <c r="I352" s="16" t="str">
        <f t="shared" si="8"/>
        <v>　</v>
      </c>
      <c r="J352" s="45" t="s">
        <v>733</v>
      </c>
      <c r="K352" s="47"/>
    </row>
    <row r="353" spans="2:11" x14ac:dyDescent="0.25">
      <c r="B353" s="194"/>
      <c r="C353" s="53">
        <v>17</v>
      </c>
      <c r="D353" s="203" t="s">
        <v>66</v>
      </c>
      <c r="E353" s="209" t="s">
        <v>734</v>
      </c>
      <c r="F353" s="226" t="str">
        <f>D353&amp;E353</f>
        <v>A貨物運送</v>
      </c>
      <c r="G353" s="38" t="s">
        <v>65</v>
      </c>
      <c r="H353" s="16" t="s">
        <v>735</v>
      </c>
      <c r="I353" s="16" t="str">
        <f t="shared" si="8"/>
        <v>01　引越し</v>
      </c>
      <c r="J353" s="17" t="s">
        <v>736</v>
      </c>
      <c r="K353" s="223" t="s">
        <v>737</v>
      </c>
    </row>
    <row r="354" spans="2:11" x14ac:dyDescent="0.25">
      <c r="B354" s="194"/>
      <c r="C354" s="198" t="s">
        <v>738</v>
      </c>
      <c r="D354" s="204"/>
      <c r="E354" s="210"/>
      <c r="F354" s="226"/>
      <c r="G354" s="39" t="s">
        <v>490</v>
      </c>
      <c r="H354" s="19" t="s">
        <v>739</v>
      </c>
      <c r="I354" s="16" t="str">
        <f t="shared" si="8"/>
        <v>02　美術品，楽器</v>
      </c>
      <c r="J354" s="20" t="s">
        <v>740</v>
      </c>
      <c r="K354" s="230"/>
    </row>
    <row r="355" spans="2:11" x14ac:dyDescent="0.25">
      <c r="B355" s="194"/>
      <c r="C355" s="198"/>
      <c r="D355" s="204"/>
      <c r="E355" s="210"/>
      <c r="F355" s="226"/>
      <c r="G355" s="39" t="s">
        <v>73</v>
      </c>
      <c r="H355" s="19" t="s">
        <v>741</v>
      </c>
      <c r="I355" s="16" t="str">
        <f t="shared" si="8"/>
        <v>03　宅配便</v>
      </c>
      <c r="J355" s="20" t="s">
        <v>742</v>
      </c>
      <c r="K355" s="230"/>
    </row>
    <row r="356" spans="2:11" x14ac:dyDescent="0.25">
      <c r="B356" s="194"/>
      <c r="C356" s="198"/>
      <c r="D356" s="205"/>
      <c r="E356" s="211"/>
      <c r="F356" s="226"/>
      <c r="G356" s="40" t="s">
        <v>93</v>
      </c>
      <c r="H356" s="22" t="s">
        <v>94</v>
      </c>
      <c r="I356" s="16" t="str">
        <f t="shared" si="8"/>
        <v>99　その他</v>
      </c>
      <c r="J356" s="23" t="s">
        <v>743</v>
      </c>
      <c r="K356" s="231"/>
    </row>
    <row r="357" spans="2:11" ht="21.45" x14ac:dyDescent="0.25">
      <c r="B357" s="194"/>
      <c r="C357" s="198"/>
      <c r="D357" s="42" t="s">
        <v>95</v>
      </c>
      <c r="E357" s="59" t="s">
        <v>744</v>
      </c>
      <c r="F357" s="45" t="str">
        <f t="shared" ref="F357:F370" si="9">D357&amp;E357</f>
        <v>B旅客運送</v>
      </c>
      <c r="G357" s="75"/>
      <c r="H357" s="44"/>
      <c r="I357" s="16" t="str">
        <f t="shared" si="8"/>
        <v>　</v>
      </c>
      <c r="J357" s="45" t="s">
        <v>745</v>
      </c>
      <c r="K357" s="46" t="s">
        <v>746</v>
      </c>
    </row>
    <row r="358" spans="2:11" x14ac:dyDescent="0.25">
      <c r="B358" s="194"/>
      <c r="C358" s="198"/>
      <c r="D358" s="42" t="s">
        <v>121</v>
      </c>
      <c r="E358" s="59" t="s">
        <v>747</v>
      </c>
      <c r="F358" s="45" t="str">
        <f t="shared" si="9"/>
        <v>C郵便・信書便</v>
      </c>
      <c r="G358" s="75"/>
      <c r="H358" s="44"/>
      <c r="I358" s="16" t="str">
        <f t="shared" si="8"/>
        <v>　</v>
      </c>
      <c r="J358" s="45"/>
      <c r="K358" s="47" t="s">
        <v>748</v>
      </c>
    </row>
    <row r="359" spans="2:11" x14ac:dyDescent="0.25">
      <c r="B359" s="194"/>
      <c r="C359" s="198"/>
      <c r="D359" s="42" t="s">
        <v>48</v>
      </c>
      <c r="E359" s="59" t="s">
        <v>749</v>
      </c>
      <c r="F359" s="45" t="str">
        <f t="shared" si="9"/>
        <v>D運行管理</v>
      </c>
      <c r="G359" s="75"/>
      <c r="H359" s="44"/>
      <c r="I359" s="16" t="str">
        <f t="shared" si="8"/>
        <v>　</v>
      </c>
      <c r="J359" s="45" t="s">
        <v>750</v>
      </c>
      <c r="K359" s="47"/>
    </row>
    <row r="360" spans="2:11" ht="21.45" x14ac:dyDescent="0.25">
      <c r="B360" s="194"/>
      <c r="C360" s="198"/>
      <c r="D360" s="42" t="s">
        <v>49</v>
      </c>
      <c r="E360" s="59" t="s">
        <v>751</v>
      </c>
      <c r="F360" s="45" t="str">
        <f t="shared" si="9"/>
        <v>E車両レッカー移動</v>
      </c>
      <c r="G360" s="75"/>
      <c r="H360" s="44"/>
      <c r="I360" s="16" t="str">
        <f t="shared" si="8"/>
        <v>　</v>
      </c>
      <c r="J360" s="45" t="s">
        <v>752</v>
      </c>
      <c r="K360" s="46" t="s">
        <v>753</v>
      </c>
    </row>
    <row r="361" spans="2:11" x14ac:dyDescent="0.25">
      <c r="B361" s="194"/>
      <c r="C361" s="198"/>
      <c r="D361" s="42" t="s">
        <v>50</v>
      </c>
      <c r="E361" s="59" t="s">
        <v>754</v>
      </c>
      <c r="F361" s="45" t="str">
        <f t="shared" si="9"/>
        <v>F梱包・発送代行</v>
      </c>
      <c r="G361" s="75"/>
      <c r="H361" s="44"/>
      <c r="I361" s="16" t="str">
        <f t="shared" si="8"/>
        <v>　</v>
      </c>
      <c r="J361" s="45" t="s">
        <v>755</v>
      </c>
      <c r="K361" s="47"/>
    </row>
    <row r="362" spans="2:11" x14ac:dyDescent="0.25">
      <c r="B362" s="194"/>
      <c r="C362" s="198"/>
      <c r="D362" s="42" t="s">
        <v>51</v>
      </c>
      <c r="E362" s="59" t="s">
        <v>756</v>
      </c>
      <c r="F362" s="45" t="str">
        <f t="shared" si="9"/>
        <v>G保管</v>
      </c>
      <c r="G362" s="75"/>
      <c r="H362" s="44"/>
      <c r="I362" s="16" t="str">
        <f t="shared" si="8"/>
        <v>　</v>
      </c>
      <c r="J362" s="45" t="s">
        <v>757</v>
      </c>
      <c r="K362" s="47" t="s">
        <v>758</v>
      </c>
    </row>
    <row r="363" spans="2:11" x14ac:dyDescent="0.25">
      <c r="B363" s="194"/>
      <c r="C363" s="199"/>
      <c r="D363" s="42" t="s">
        <v>388</v>
      </c>
      <c r="E363" s="59" t="s">
        <v>453</v>
      </c>
      <c r="F363" s="45" t="str">
        <f t="shared" si="9"/>
        <v>Zその他</v>
      </c>
      <c r="G363" s="75"/>
      <c r="H363" s="44"/>
      <c r="I363" s="16" t="str">
        <f t="shared" si="8"/>
        <v>　</v>
      </c>
      <c r="J363" s="45" t="s">
        <v>759</v>
      </c>
      <c r="K363" s="47"/>
    </row>
    <row r="364" spans="2:11" x14ac:dyDescent="0.25">
      <c r="B364" s="194"/>
      <c r="C364" s="53">
        <v>18</v>
      </c>
      <c r="D364" s="42" t="s">
        <v>66</v>
      </c>
      <c r="E364" s="59" t="s">
        <v>760</v>
      </c>
      <c r="F364" s="45" t="str">
        <f t="shared" si="9"/>
        <v>A医療事務</v>
      </c>
      <c r="G364" s="75"/>
      <c r="H364" s="44"/>
      <c r="I364" s="16" t="str">
        <f t="shared" si="8"/>
        <v>　</v>
      </c>
      <c r="J364" s="45" t="s">
        <v>761</v>
      </c>
      <c r="K364" s="47"/>
    </row>
    <row r="365" spans="2:11" ht="32.15" x14ac:dyDescent="0.25">
      <c r="B365" s="194"/>
      <c r="C365" s="198" t="s">
        <v>762</v>
      </c>
      <c r="D365" s="42" t="s">
        <v>95</v>
      </c>
      <c r="E365" s="59" t="s">
        <v>763</v>
      </c>
      <c r="F365" s="45" t="str">
        <f t="shared" si="9"/>
        <v>B集団検診等</v>
      </c>
      <c r="G365" s="75"/>
      <c r="H365" s="44"/>
      <c r="I365" s="16" t="str">
        <f t="shared" si="8"/>
        <v>　</v>
      </c>
      <c r="J365" s="45" t="s">
        <v>764</v>
      </c>
      <c r="K365" s="46" t="s">
        <v>765</v>
      </c>
    </row>
    <row r="366" spans="2:11" x14ac:dyDescent="0.25">
      <c r="B366" s="194"/>
      <c r="C366" s="198"/>
      <c r="D366" s="42" t="s">
        <v>121</v>
      </c>
      <c r="E366" s="59" t="s">
        <v>766</v>
      </c>
      <c r="F366" s="45" t="str">
        <f t="shared" si="9"/>
        <v>C臨床検査</v>
      </c>
      <c r="G366" s="75"/>
      <c r="H366" s="44"/>
      <c r="I366" s="16" t="str">
        <f t="shared" si="8"/>
        <v>　</v>
      </c>
      <c r="J366" s="45" t="s">
        <v>767</v>
      </c>
      <c r="K366" s="47" t="s">
        <v>768</v>
      </c>
    </row>
    <row r="367" spans="2:11" ht="21.45" x14ac:dyDescent="0.25">
      <c r="B367" s="194"/>
      <c r="C367" s="198"/>
      <c r="D367" s="42" t="s">
        <v>48</v>
      </c>
      <c r="E367" s="59" t="s">
        <v>769</v>
      </c>
      <c r="F367" s="45" t="str">
        <f t="shared" si="9"/>
        <v>D医療機器の保守点検</v>
      </c>
      <c r="G367" s="75"/>
      <c r="H367" s="44"/>
      <c r="I367" s="16" t="str">
        <f t="shared" si="8"/>
        <v>　</v>
      </c>
      <c r="J367" s="45" t="s">
        <v>770</v>
      </c>
      <c r="K367" s="46" t="s">
        <v>771</v>
      </c>
    </row>
    <row r="368" spans="2:11" x14ac:dyDescent="0.25">
      <c r="B368" s="194"/>
      <c r="C368" s="198"/>
      <c r="D368" s="61" t="s">
        <v>166</v>
      </c>
      <c r="E368" s="62" t="s">
        <v>772</v>
      </c>
      <c r="F368" s="45" t="str">
        <f t="shared" si="9"/>
        <v>E医療材料等物品管理</v>
      </c>
      <c r="G368" s="75"/>
      <c r="H368" s="44"/>
      <c r="I368" s="16" t="str">
        <f t="shared" si="8"/>
        <v>　</v>
      </c>
      <c r="J368" s="63"/>
      <c r="K368" s="63"/>
    </row>
    <row r="369" spans="2:11" x14ac:dyDescent="0.25">
      <c r="B369" s="194"/>
      <c r="C369" s="199"/>
      <c r="D369" s="42" t="s">
        <v>388</v>
      </c>
      <c r="E369" s="59" t="s">
        <v>453</v>
      </c>
      <c r="F369" s="45" t="str">
        <f t="shared" si="9"/>
        <v>Zその他</v>
      </c>
      <c r="G369" s="75"/>
      <c r="H369" s="44"/>
      <c r="I369" s="16" t="str">
        <f t="shared" si="8"/>
        <v>　</v>
      </c>
      <c r="J369" s="45"/>
      <c r="K369" s="47"/>
    </row>
    <row r="370" spans="2:11" x14ac:dyDescent="0.25">
      <c r="B370" s="194"/>
      <c r="C370" s="53">
        <v>19</v>
      </c>
      <c r="D370" s="203" t="s">
        <v>66</v>
      </c>
      <c r="E370" s="209" t="s">
        <v>773</v>
      </c>
      <c r="F370" s="226" t="str">
        <f t="shared" si="9"/>
        <v>A給食</v>
      </c>
      <c r="G370" s="38" t="s">
        <v>65</v>
      </c>
      <c r="H370" s="16" t="s">
        <v>774</v>
      </c>
      <c r="I370" s="16" t="str">
        <f t="shared" si="8"/>
        <v>01　学校給食（現地調理）</v>
      </c>
      <c r="J370" s="17" t="s">
        <v>775</v>
      </c>
      <c r="K370" s="223" t="s">
        <v>776</v>
      </c>
    </row>
    <row r="371" spans="2:11" x14ac:dyDescent="0.25">
      <c r="B371" s="194"/>
      <c r="C371" s="198" t="s">
        <v>773</v>
      </c>
      <c r="D371" s="204"/>
      <c r="E371" s="210"/>
      <c r="F371" s="226"/>
      <c r="G371" s="39" t="s">
        <v>70</v>
      </c>
      <c r="H371" s="19" t="s">
        <v>777</v>
      </c>
      <c r="I371" s="16" t="str">
        <f t="shared" si="8"/>
        <v>02　学校給食（デリバリー）</v>
      </c>
      <c r="J371" s="20"/>
      <c r="K371" s="224"/>
    </row>
    <row r="372" spans="2:11" x14ac:dyDescent="0.25">
      <c r="B372" s="194"/>
      <c r="C372" s="198"/>
      <c r="D372" s="204"/>
      <c r="E372" s="210"/>
      <c r="F372" s="226"/>
      <c r="G372" s="39" t="s">
        <v>172</v>
      </c>
      <c r="H372" s="19" t="s">
        <v>778</v>
      </c>
      <c r="I372" s="16" t="str">
        <f t="shared" si="8"/>
        <v>03　病院給食</v>
      </c>
      <c r="J372" s="20" t="s">
        <v>779</v>
      </c>
      <c r="K372" s="224"/>
    </row>
    <row r="373" spans="2:11" x14ac:dyDescent="0.25">
      <c r="B373" s="194"/>
      <c r="C373" s="198"/>
      <c r="D373" s="204"/>
      <c r="E373" s="210"/>
      <c r="F373" s="226"/>
      <c r="G373" s="39" t="s">
        <v>142</v>
      </c>
      <c r="H373" s="19" t="s">
        <v>780</v>
      </c>
      <c r="I373" s="16" t="str">
        <f t="shared" si="8"/>
        <v>04　寮･宿舎賄い</v>
      </c>
      <c r="J373" s="20"/>
      <c r="K373" s="224"/>
    </row>
    <row r="374" spans="2:11" x14ac:dyDescent="0.25">
      <c r="B374" s="194"/>
      <c r="C374" s="198"/>
      <c r="D374" s="205"/>
      <c r="E374" s="211"/>
      <c r="F374" s="226"/>
      <c r="G374" s="40" t="s">
        <v>93</v>
      </c>
      <c r="H374" s="22" t="s">
        <v>94</v>
      </c>
      <c r="I374" s="16" t="str">
        <f t="shared" si="8"/>
        <v>99　その他</v>
      </c>
      <c r="J374" s="23"/>
      <c r="K374" s="225"/>
    </row>
    <row r="375" spans="2:11" x14ac:dyDescent="0.25">
      <c r="B375" s="194"/>
      <c r="C375" s="198"/>
      <c r="D375" s="42" t="s">
        <v>95</v>
      </c>
      <c r="E375" s="59" t="s">
        <v>781</v>
      </c>
      <c r="F375" s="45" t="str">
        <f>D375&amp;E375</f>
        <v>B食器洗浄</v>
      </c>
      <c r="G375" s="75"/>
      <c r="H375" s="44"/>
      <c r="I375" s="16" t="str">
        <f t="shared" si="8"/>
        <v>　</v>
      </c>
      <c r="J375" s="45"/>
      <c r="K375" s="47"/>
    </row>
    <row r="376" spans="2:11" x14ac:dyDescent="0.25">
      <c r="B376" s="194"/>
      <c r="C376" s="199"/>
      <c r="D376" s="42" t="s">
        <v>388</v>
      </c>
      <c r="E376" s="59" t="s">
        <v>453</v>
      </c>
      <c r="F376" s="45" t="str">
        <f>D376&amp;E376</f>
        <v>Zその他</v>
      </c>
      <c r="G376" s="75"/>
      <c r="H376" s="44"/>
      <c r="I376" s="16" t="str">
        <f t="shared" si="8"/>
        <v>　</v>
      </c>
      <c r="J376" s="45" t="s">
        <v>782</v>
      </c>
      <c r="K376" s="47"/>
    </row>
    <row r="377" spans="2:11" x14ac:dyDescent="0.25">
      <c r="B377" s="194"/>
      <c r="C377" s="53">
        <v>20</v>
      </c>
      <c r="D377" s="203" t="s">
        <v>66</v>
      </c>
      <c r="E377" s="209" t="s">
        <v>783</v>
      </c>
      <c r="F377" s="226" t="str">
        <f>D377&amp;E377</f>
        <v>A機器の保守点検</v>
      </c>
      <c r="G377" s="38" t="s">
        <v>65</v>
      </c>
      <c r="H377" s="16" t="s">
        <v>86</v>
      </c>
      <c r="I377" s="16" t="str">
        <f t="shared" si="8"/>
        <v>01　事務機器</v>
      </c>
      <c r="J377" s="45" t="s">
        <v>784</v>
      </c>
      <c r="K377" s="47"/>
    </row>
    <row r="378" spans="2:11" x14ac:dyDescent="0.25">
      <c r="B378" s="194"/>
      <c r="C378" s="196" t="s">
        <v>787</v>
      </c>
      <c r="D378" s="204"/>
      <c r="E378" s="210"/>
      <c r="F378" s="226"/>
      <c r="G378" s="39" t="s">
        <v>70</v>
      </c>
      <c r="H378" s="19" t="s">
        <v>785</v>
      </c>
      <c r="I378" s="16" t="str">
        <f t="shared" si="8"/>
        <v>02　計測機器</v>
      </c>
      <c r="J378" s="45" t="s">
        <v>786</v>
      </c>
      <c r="K378" s="47"/>
    </row>
    <row r="379" spans="2:11" ht="13.5" customHeight="1" x14ac:dyDescent="0.25">
      <c r="B379" s="194"/>
      <c r="C379" s="196"/>
      <c r="D379" s="205"/>
      <c r="E379" s="211"/>
      <c r="F379" s="226"/>
      <c r="G379" s="40" t="s">
        <v>93</v>
      </c>
      <c r="H379" s="22" t="s">
        <v>94</v>
      </c>
      <c r="I379" s="16" t="str">
        <f t="shared" si="8"/>
        <v>99　その他</v>
      </c>
      <c r="J379" s="45"/>
      <c r="K379" s="47"/>
    </row>
    <row r="380" spans="2:11" x14ac:dyDescent="0.25">
      <c r="B380" s="194"/>
      <c r="C380" s="196"/>
      <c r="D380" s="42" t="s">
        <v>95</v>
      </c>
      <c r="E380" s="59" t="s">
        <v>788</v>
      </c>
      <c r="F380" s="45" t="str">
        <f t="shared" ref="F380:F394" si="10">D380&amp;E380</f>
        <v>B遊具保守点検</v>
      </c>
      <c r="G380" s="75"/>
      <c r="H380" s="44"/>
      <c r="I380" s="16" t="str">
        <f t="shared" si="8"/>
        <v>　</v>
      </c>
      <c r="J380" s="45" t="s">
        <v>789</v>
      </c>
      <c r="K380" s="47"/>
    </row>
    <row r="381" spans="2:11" x14ac:dyDescent="0.25">
      <c r="B381" s="194"/>
      <c r="C381" s="196"/>
      <c r="D381" s="42" t="s">
        <v>47</v>
      </c>
      <c r="E381" s="59" t="s">
        <v>790</v>
      </c>
      <c r="F381" s="45" t="str">
        <f t="shared" si="10"/>
        <v>C楽器調律</v>
      </c>
      <c r="G381" s="75"/>
      <c r="H381" s="44"/>
      <c r="I381" s="16" t="str">
        <f t="shared" si="8"/>
        <v>　</v>
      </c>
      <c r="J381" s="45" t="s">
        <v>791</v>
      </c>
      <c r="K381" s="47"/>
    </row>
    <row r="382" spans="2:11" x14ac:dyDescent="0.25">
      <c r="B382" s="194"/>
      <c r="C382" s="196"/>
      <c r="D382" s="42" t="s">
        <v>48</v>
      </c>
      <c r="E382" s="59" t="s">
        <v>792</v>
      </c>
      <c r="F382" s="45" t="str">
        <f t="shared" si="10"/>
        <v>D交通安全施設等保守点検</v>
      </c>
      <c r="G382" s="75"/>
      <c r="H382" s="44"/>
      <c r="I382" s="16" t="str">
        <f t="shared" si="8"/>
        <v>　</v>
      </c>
      <c r="J382" s="45" t="s">
        <v>793</v>
      </c>
      <c r="K382" s="47"/>
    </row>
    <row r="383" spans="2:11" x14ac:dyDescent="0.25">
      <c r="B383" s="194"/>
      <c r="C383" s="196"/>
      <c r="D383" s="42" t="s">
        <v>49</v>
      </c>
      <c r="E383" s="59" t="s">
        <v>794</v>
      </c>
      <c r="F383" s="45" t="str">
        <f t="shared" si="10"/>
        <v>E航空機等保守点検</v>
      </c>
      <c r="G383" s="75"/>
      <c r="H383" s="44"/>
      <c r="I383" s="16" t="str">
        <f t="shared" si="8"/>
        <v>　</v>
      </c>
      <c r="J383" s="45" t="s">
        <v>795</v>
      </c>
      <c r="K383" s="47"/>
    </row>
    <row r="384" spans="2:11" x14ac:dyDescent="0.25">
      <c r="B384" s="194"/>
      <c r="C384" s="197"/>
      <c r="D384" s="42" t="s">
        <v>388</v>
      </c>
      <c r="E384" s="59" t="s">
        <v>94</v>
      </c>
      <c r="F384" s="45" t="str">
        <f t="shared" si="10"/>
        <v>Zその他</v>
      </c>
      <c r="G384" s="75"/>
      <c r="H384" s="44"/>
      <c r="I384" s="16" t="str">
        <f t="shared" si="8"/>
        <v>　</v>
      </c>
      <c r="J384" s="45"/>
      <c r="K384" s="47"/>
    </row>
    <row r="385" spans="2:11" x14ac:dyDescent="0.25">
      <c r="B385" s="194"/>
      <c r="C385" s="53">
        <v>21</v>
      </c>
      <c r="D385" s="42" t="s">
        <v>66</v>
      </c>
      <c r="E385" s="59" t="s">
        <v>796</v>
      </c>
      <c r="F385" s="45" t="str">
        <f t="shared" si="10"/>
        <v>A翻訳・通訳</v>
      </c>
      <c r="G385" s="75"/>
      <c r="H385" s="44"/>
      <c r="I385" s="16" t="str">
        <f t="shared" si="8"/>
        <v>　</v>
      </c>
      <c r="J385" s="45" t="s">
        <v>797</v>
      </c>
      <c r="K385" s="47"/>
    </row>
    <row r="386" spans="2:11" ht="13.5" customHeight="1" x14ac:dyDescent="0.25">
      <c r="B386" s="194"/>
      <c r="C386" s="198" t="s">
        <v>94</v>
      </c>
      <c r="D386" s="42" t="s">
        <v>95</v>
      </c>
      <c r="E386" s="59" t="s">
        <v>798</v>
      </c>
      <c r="F386" s="45" t="str">
        <f t="shared" si="10"/>
        <v>B速記</v>
      </c>
      <c r="G386" s="75"/>
      <c r="H386" s="44"/>
      <c r="I386" s="16" t="str">
        <f t="shared" si="8"/>
        <v>　</v>
      </c>
      <c r="J386" s="45"/>
      <c r="K386" s="47"/>
    </row>
    <row r="387" spans="2:11" x14ac:dyDescent="0.25">
      <c r="B387" s="194"/>
      <c r="C387" s="198"/>
      <c r="D387" s="42" t="s">
        <v>121</v>
      </c>
      <c r="E387" s="59" t="s">
        <v>799</v>
      </c>
      <c r="F387" s="45" t="str">
        <f t="shared" si="10"/>
        <v>C筆耕</v>
      </c>
      <c r="G387" s="75"/>
      <c r="H387" s="44"/>
      <c r="I387" s="16" t="str">
        <f t="shared" si="8"/>
        <v>　</v>
      </c>
      <c r="J387" s="45" t="s">
        <v>800</v>
      </c>
      <c r="K387" s="47"/>
    </row>
    <row r="388" spans="2:11" x14ac:dyDescent="0.25">
      <c r="B388" s="194"/>
      <c r="C388" s="198"/>
      <c r="D388" s="42" t="s">
        <v>134</v>
      </c>
      <c r="E388" s="59" t="s">
        <v>55</v>
      </c>
      <c r="F388" s="45" t="str">
        <f t="shared" si="10"/>
        <v>Dテープ起こし</v>
      </c>
      <c r="G388" s="75"/>
      <c r="H388" s="44"/>
      <c r="I388" s="16" t="str">
        <f t="shared" si="8"/>
        <v>　</v>
      </c>
      <c r="J388" s="45" t="s">
        <v>801</v>
      </c>
      <c r="K388" s="47"/>
    </row>
    <row r="389" spans="2:11" x14ac:dyDescent="0.25">
      <c r="B389" s="194"/>
      <c r="C389" s="198"/>
      <c r="D389" s="42" t="s">
        <v>166</v>
      </c>
      <c r="E389" s="59" t="s">
        <v>802</v>
      </c>
      <c r="F389" s="45" t="str">
        <f t="shared" si="10"/>
        <v>E環境保護</v>
      </c>
      <c r="G389" s="75"/>
      <c r="H389" s="44"/>
      <c r="I389" s="16" t="str">
        <f t="shared" ref="I389:I403" si="11">G389&amp;$A$10&amp;H389</f>
        <v>　</v>
      </c>
      <c r="J389" s="45" t="s">
        <v>803</v>
      </c>
      <c r="K389" s="47"/>
    </row>
    <row r="390" spans="2:11" x14ac:dyDescent="0.25">
      <c r="B390" s="194"/>
      <c r="C390" s="198"/>
      <c r="D390" s="42" t="s">
        <v>180</v>
      </c>
      <c r="E390" s="59" t="s">
        <v>804</v>
      </c>
      <c r="F390" s="45" t="str">
        <f t="shared" si="10"/>
        <v>F森林整備</v>
      </c>
      <c r="G390" s="75"/>
      <c r="H390" s="44"/>
      <c r="I390" s="16" t="str">
        <f t="shared" si="11"/>
        <v>　</v>
      </c>
      <c r="J390" s="45" t="s">
        <v>805</v>
      </c>
      <c r="K390" s="47"/>
    </row>
    <row r="391" spans="2:11" x14ac:dyDescent="0.25">
      <c r="B391" s="194"/>
      <c r="C391" s="198"/>
      <c r="D391" s="42" t="s">
        <v>227</v>
      </c>
      <c r="E391" s="59" t="s">
        <v>806</v>
      </c>
      <c r="F391" s="45" t="str">
        <f t="shared" si="10"/>
        <v>G動物飼育</v>
      </c>
      <c r="G391" s="75"/>
      <c r="H391" s="44"/>
      <c r="I391" s="16" t="str">
        <f t="shared" si="11"/>
        <v>　</v>
      </c>
      <c r="J391" s="45" t="s">
        <v>807</v>
      </c>
      <c r="K391" s="47"/>
    </row>
    <row r="392" spans="2:11" x14ac:dyDescent="0.25">
      <c r="B392" s="194"/>
      <c r="C392" s="198"/>
      <c r="D392" s="42" t="s">
        <v>523</v>
      </c>
      <c r="E392" s="59" t="s">
        <v>808</v>
      </c>
      <c r="F392" s="45" t="str">
        <f t="shared" si="10"/>
        <v>H人材派遣</v>
      </c>
      <c r="G392" s="75"/>
      <c r="H392" s="44"/>
      <c r="I392" s="16" t="str">
        <f t="shared" si="11"/>
        <v>　</v>
      </c>
      <c r="J392" s="45" t="s">
        <v>809</v>
      </c>
      <c r="K392" s="46" t="s">
        <v>810</v>
      </c>
    </row>
    <row r="393" spans="2:11" x14ac:dyDescent="0.25">
      <c r="B393" s="194"/>
      <c r="C393" s="198"/>
      <c r="D393" s="42" t="s">
        <v>729</v>
      </c>
      <c r="E393" s="59" t="s">
        <v>811</v>
      </c>
      <c r="F393" s="45" t="str">
        <f t="shared" si="10"/>
        <v>I電力供給</v>
      </c>
      <c r="G393" s="75"/>
      <c r="H393" s="44"/>
      <c r="I393" s="16" t="str">
        <f t="shared" si="11"/>
        <v>　</v>
      </c>
      <c r="J393" s="45" t="s">
        <v>812</v>
      </c>
      <c r="K393" s="47" t="s">
        <v>813</v>
      </c>
    </row>
    <row r="394" spans="2:11" x14ac:dyDescent="0.25">
      <c r="B394" s="194"/>
      <c r="C394" s="198"/>
      <c r="D394" s="203" t="s">
        <v>577</v>
      </c>
      <c r="E394" s="206" t="s">
        <v>814</v>
      </c>
      <c r="F394" s="227" t="str">
        <f t="shared" si="10"/>
        <v>J損害保険</v>
      </c>
      <c r="G394" s="15" t="s">
        <v>65</v>
      </c>
      <c r="H394" s="64" t="s">
        <v>815</v>
      </c>
      <c r="I394" s="16" t="str">
        <f t="shared" si="11"/>
        <v>01　保険会社</v>
      </c>
      <c r="J394" s="17"/>
      <c r="K394" s="215" t="s">
        <v>816</v>
      </c>
    </row>
    <row r="395" spans="2:11" x14ac:dyDescent="0.25">
      <c r="B395" s="194"/>
      <c r="C395" s="198"/>
      <c r="D395" s="204"/>
      <c r="E395" s="207"/>
      <c r="F395" s="227"/>
      <c r="G395" s="18" t="s">
        <v>70</v>
      </c>
      <c r="H395" s="66" t="s">
        <v>817</v>
      </c>
      <c r="I395" s="16" t="str">
        <f t="shared" si="11"/>
        <v>02　代理店</v>
      </c>
      <c r="J395" s="67"/>
      <c r="K395" s="216"/>
    </row>
    <row r="396" spans="2:11" x14ac:dyDescent="0.25">
      <c r="B396" s="194"/>
      <c r="C396" s="198"/>
      <c r="D396" s="205"/>
      <c r="E396" s="208"/>
      <c r="F396" s="227"/>
      <c r="G396" s="21" t="s">
        <v>93</v>
      </c>
      <c r="H396" s="68" t="s">
        <v>94</v>
      </c>
      <c r="I396" s="16" t="str">
        <f t="shared" si="11"/>
        <v>99　その他</v>
      </c>
      <c r="J396" s="69"/>
      <c r="K396" s="217"/>
    </row>
    <row r="397" spans="2:11" x14ac:dyDescent="0.25">
      <c r="B397" s="194"/>
      <c r="C397" s="198"/>
      <c r="D397" s="42" t="s">
        <v>581</v>
      </c>
      <c r="E397" s="59" t="s">
        <v>818</v>
      </c>
      <c r="F397" s="45" t="str">
        <f>D397&amp;E397</f>
        <v>Kコンサルティングサービス</v>
      </c>
      <c r="G397" s="75"/>
      <c r="H397" s="44"/>
      <c r="I397" s="16" t="str">
        <f t="shared" si="11"/>
        <v>　</v>
      </c>
      <c r="J397" s="45" t="s">
        <v>819</v>
      </c>
      <c r="K397" s="47"/>
    </row>
    <row r="398" spans="2:11" x14ac:dyDescent="0.25">
      <c r="B398" s="194"/>
      <c r="C398" s="198"/>
      <c r="D398" s="203" t="s">
        <v>52</v>
      </c>
      <c r="E398" s="206" t="s">
        <v>820</v>
      </c>
      <c r="F398" s="227" t="str">
        <f>D398&amp;E398</f>
        <v>L機密文書溶解</v>
      </c>
      <c r="G398" s="15" t="s">
        <v>65</v>
      </c>
      <c r="H398" s="64" t="s">
        <v>821</v>
      </c>
      <c r="I398" s="16" t="str">
        <f t="shared" si="11"/>
        <v>01　収集運搬</v>
      </c>
      <c r="J398" s="17"/>
      <c r="K398" s="220"/>
    </row>
    <row r="399" spans="2:11" x14ac:dyDescent="0.25">
      <c r="B399" s="194"/>
      <c r="C399" s="198"/>
      <c r="D399" s="204"/>
      <c r="E399" s="218"/>
      <c r="F399" s="228"/>
      <c r="G399" s="70" t="s">
        <v>70</v>
      </c>
      <c r="H399" s="71" t="s">
        <v>822</v>
      </c>
      <c r="I399" s="16" t="str">
        <f t="shared" si="11"/>
        <v>02　処理</v>
      </c>
      <c r="J399" s="67"/>
      <c r="K399" s="221"/>
    </row>
    <row r="400" spans="2:11" x14ac:dyDescent="0.2">
      <c r="B400" s="194"/>
      <c r="C400" s="198"/>
      <c r="D400" s="205"/>
      <c r="E400" s="219"/>
      <c r="F400" s="228"/>
      <c r="G400" s="72" t="s">
        <v>93</v>
      </c>
      <c r="H400" s="73" t="s">
        <v>94</v>
      </c>
      <c r="I400" s="16" t="str">
        <f t="shared" si="11"/>
        <v>99　その他</v>
      </c>
      <c r="J400" s="74"/>
      <c r="K400" s="222"/>
    </row>
    <row r="401" spans="2:11" x14ac:dyDescent="0.25">
      <c r="B401" s="194"/>
      <c r="C401" s="198"/>
      <c r="D401" s="42" t="s">
        <v>56</v>
      </c>
      <c r="E401" s="59" t="s">
        <v>823</v>
      </c>
      <c r="F401" s="45" t="str">
        <f>D401&amp;E401</f>
        <v>M債権回収</v>
      </c>
      <c r="G401" s="75"/>
      <c r="H401" s="44"/>
      <c r="I401" s="16" t="str">
        <f t="shared" si="11"/>
        <v>　</v>
      </c>
      <c r="J401" s="45" t="s">
        <v>824</v>
      </c>
      <c r="K401" s="47" t="s">
        <v>825</v>
      </c>
    </row>
    <row r="402" spans="2:11" x14ac:dyDescent="0.25">
      <c r="B402" s="194"/>
      <c r="C402" s="198"/>
      <c r="D402" s="42" t="s">
        <v>826</v>
      </c>
      <c r="E402" s="59" t="s">
        <v>827</v>
      </c>
      <c r="F402" s="45" t="str">
        <f>D402&amp;E402</f>
        <v>N放置車両確認事務</v>
      </c>
      <c r="G402" s="75"/>
      <c r="H402" s="44"/>
      <c r="I402" s="16" t="str">
        <f t="shared" si="11"/>
        <v>　</v>
      </c>
      <c r="J402" s="45" t="s">
        <v>828</v>
      </c>
      <c r="K402" s="47"/>
    </row>
    <row r="403" spans="2:11" x14ac:dyDescent="0.25">
      <c r="B403" s="195"/>
      <c r="C403" s="199"/>
      <c r="D403" s="42" t="s">
        <v>388</v>
      </c>
      <c r="E403" s="59" t="s">
        <v>453</v>
      </c>
      <c r="F403" s="45" t="str">
        <f>D403&amp;E403</f>
        <v>Zその他</v>
      </c>
      <c r="G403" s="75"/>
      <c r="H403" s="44"/>
      <c r="I403" s="16" t="str">
        <f t="shared" si="11"/>
        <v>　</v>
      </c>
      <c r="J403" s="45"/>
      <c r="K403" s="47"/>
    </row>
    <row r="405" spans="2:11" x14ac:dyDescent="0.25">
      <c r="E405" s="65" t="s">
        <v>832</v>
      </c>
    </row>
  </sheetData>
  <mergeCells count="196">
    <mergeCell ref="B2:F2"/>
    <mergeCell ref="G2:I2"/>
    <mergeCell ref="D4:D13"/>
    <mergeCell ref="E4:E13"/>
    <mergeCell ref="K4:K13"/>
    <mergeCell ref="D14:D26"/>
    <mergeCell ref="E14:E26"/>
    <mergeCell ref="K14:K26"/>
    <mergeCell ref="J2:J3"/>
    <mergeCell ref="K2:K3"/>
    <mergeCell ref="D3:E3"/>
    <mergeCell ref="F14:F26"/>
    <mergeCell ref="F4:F13"/>
    <mergeCell ref="B4:B235"/>
    <mergeCell ref="D49:D54"/>
    <mergeCell ref="E49:E54"/>
    <mergeCell ref="K49:K54"/>
    <mergeCell ref="D55:D79"/>
    <mergeCell ref="E55:E79"/>
    <mergeCell ref="K55:K79"/>
    <mergeCell ref="D27:D33"/>
    <mergeCell ref="E27:E33"/>
    <mergeCell ref="K27:K33"/>
    <mergeCell ref="D34:D48"/>
    <mergeCell ref="E34:E48"/>
    <mergeCell ref="K34:K48"/>
    <mergeCell ref="F27:F33"/>
    <mergeCell ref="F34:F48"/>
    <mergeCell ref="F49:F54"/>
    <mergeCell ref="F55:F79"/>
    <mergeCell ref="D103:D114"/>
    <mergeCell ref="E103:E114"/>
    <mergeCell ref="K103:K114"/>
    <mergeCell ref="D115:D128"/>
    <mergeCell ref="E115:E128"/>
    <mergeCell ref="K115:K128"/>
    <mergeCell ref="F103:F114"/>
    <mergeCell ref="F115:F128"/>
    <mergeCell ref="D80:D102"/>
    <mergeCell ref="E80:E102"/>
    <mergeCell ref="K80:K102"/>
    <mergeCell ref="F80:F102"/>
    <mergeCell ref="K156:K159"/>
    <mergeCell ref="D160:D166"/>
    <mergeCell ref="E160:E166"/>
    <mergeCell ref="K160:K166"/>
    <mergeCell ref="F156:F159"/>
    <mergeCell ref="F160:F166"/>
    <mergeCell ref="D129:D136"/>
    <mergeCell ref="E129:E136"/>
    <mergeCell ref="K129:K136"/>
    <mergeCell ref="D137:D155"/>
    <mergeCell ref="E137:E155"/>
    <mergeCell ref="K137:K155"/>
    <mergeCell ref="F129:F136"/>
    <mergeCell ref="F137:F155"/>
    <mergeCell ref="K179:K182"/>
    <mergeCell ref="D183:D216"/>
    <mergeCell ref="E183:E216"/>
    <mergeCell ref="K183:K216"/>
    <mergeCell ref="D167:D173"/>
    <mergeCell ref="E167:E173"/>
    <mergeCell ref="K167:K173"/>
    <mergeCell ref="D174:D178"/>
    <mergeCell ref="E174:E178"/>
    <mergeCell ref="K174:K178"/>
    <mergeCell ref="F167:F173"/>
    <mergeCell ref="F174:F178"/>
    <mergeCell ref="F179:F182"/>
    <mergeCell ref="F183:F216"/>
    <mergeCell ref="K231:K235"/>
    <mergeCell ref="C232:C235"/>
    <mergeCell ref="D217:D227"/>
    <mergeCell ref="E217:E227"/>
    <mergeCell ref="K217:K227"/>
    <mergeCell ref="C218:C227"/>
    <mergeCell ref="D228:D230"/>
    <mergeCell ref="E228:E230"/>
    <mergeCell ref="K228:K230"/>
    <mergeCell ref="C229:C230"/>
    <mergeCell ref="F217:F227"/>
    <mergeCell ref="F228:F230"/>
    <mergeCell ref="F231:F235"/>
    <mergeCell ref="K236:K241"/>
    <mergeCell ref="C237:C257"/>
    <mergeCell ref="D244:D247"/>
    <mergeCell ref="E244:E247"/>
    <mergeCell ref="K244:K247"/>
    <mergeCell ref="F236:F241"/>
    <mergeCell ref="F244:F247"/>
    <mergeCell ref="F249:F251"/>
    <mergeCell ref="F253:F256"/>
    <mergeCell ref="K258:K260"/>
    <mergeCell ref="D261:D264"/>
    <mergeCell ref="E261:E264"/>
    <mergeCell ref="K261:K264"/>
    <mergeCell ref="D266:D268"/>
    <mergeCell ref="E249:E251"/>
    <mergeCell ref="K249:K251"/>
    <mergeCell ref="D253:D256"/>
    <mergeCell ref="E253:E256"/>
    <mergeCell ref="K253:K256"/>
    <mergeCell ref="K296:K298"/>
    <mergeCell ref="D301:D308"/>
    <mergeCell ref="E301:E308"/>
    <mergeCell ref="K301:K308"/>
    <mergeCell ref="F296:F298"/>
    <mergeCell ref="D287:D290"/>
    <mergeCell ref="E287:E290"/>
    <mergeCell ref="C293:C300"/>
    <mergeCell ref="D281:D283"/>
    <mergeCell ref="E281:E283"/>
    <mergeCell ref="K281:K283"/>
    <mergeCell ref="F281:F283"/>
    <mergeCell ref="F287:F290"/>
    <mergeCell ref="C259:C291"/>
    <mergeCell ref="F258:F260"/>
    <mergeCell ref="F261:F264"/>
    <mergeCell ref="K266:K268"/>
    <mergeCell ref="D269:D272"/>
    <mergeCell ref="E269:E272"/>
    <mergeCell ref="K269:K272"/>
    <mergeCell ref="F266:F268"/>
    <mergeCell ref="F269:F272"/>
    <mergeCell ref="D258:D260"/>
    <mergeCell ref="E258:E260"/>
    <mergeCell ref="K330:K333"/>
    <mergeCell ref="D317:D319"/>
    <mergeCell ref="E317:E319"/>
    <mergeCell ref="K317:K319"/>
    <mergeCell ref="C318:C329"/>
    <mergeCell ref="D320:D323"/>
    <mergeCell ref="E320:E323"/>
    <mergeCell ref="K320:K323"/>
    <mergeCell ref="C302:C316"/>
    <mergeCell ref="D309:D312"/>
    <mergeCell ref="E309:E312"/>
    <mergeCell ref="K309:K312"/>
    <mergeCell ref="F301:F308"/>
    <mergeCell ref="F309:F312"/>
    <mergeCell ref="F317:F319"/>
    <mergeCell ref="F320:F323"/>
    <mergeCell ref="F330:F333"/>
    <mergeCell ref="K347:K350"/>
    <mergeCell ref="D353:D356"/>
    <mergeCell ref="E353:E356"/>
    <mergeCell ref="K353:K356"/>
    <mergeCell ref="F353:F356"/>
    <mergeCell ref="K336:K339"/>
    <mergeCell ref="D340:D344"/>
    <mergeCell ref="E340:E344"/>
    <mergeCell ref="K340:K344"/>
    <mergeCell ref="D336:D339"/>
    <mergeCell ref="E336:E339"/>
    <mergeCell ref="D347:D350"/>
    <mergeCell ref="E347:E350"/>
    <mergeCell ref="F336:F339"/>
    <mergeCell ref="F340:F344"/>
    <mergeCell ref="F347:F350"/>
    <mergeCell ref="K394:K396"/>
    <mergeCell ref="D398:D400"/>
    <mergeCell ref="E398:E400"/>
    <mergeCell ref="K398:K400"/>
    <mergeCell ref="D377:D379"/>
    <mergeCell ref="E377:E379"/>
    <mergeCell ref="D370:D374"/>
    <mergeCell ref="E370:E374"/>
    <mergeCell ref="K370:K374"/>
    <mergeCell ref="F370:F374"/>
    <mergeCell ref="F377:F379"/>
    <mergeCell ref="F394:F396"/>
    <mergeCell ref="F398:F400"/>
    <mergeCell ref="B236:B403"/>
    <mergeCell ref="C378:C384"/>
    <mergeCell ref="C386:C403"/>
    <mergeCell ref="C4:C216"/>
    <mergeCell ref="D394:D396"/>
    <mergeCell ref="E394:E396"/>
    <mergeCell ref="C371:C376"/>
    <mergeCell ref="C365:C369"/>
    <mergeCell ref="C354:C363"/>
    <mergeCell ref="C331:C352"/>
    <mergeCell ref="D330:D333"/>
    <mergeCell ref="E330:E333"/>
    <mergeCell ref="D296:D298"/>
    <mergeCell ref="E296:E298"/>
    <mergeCell ref="E266:E268"/>
    <mergeCell ref="D249:D251"/>
    <mergeCell ref="D236:D241"/>
    <mergeCell ref="E236:E241"/>
    <mergeCell ref="D231:D235"/>
    <mergeCell ref="E231:E235"/>
    <mergeCell ref="D179:D182"/>
    <mergeCell ref="E179:E182"/>
    <mergeCell ref="D156:D159"/>
    <mergeCell ref="E156:E159"/>
  </mergeCells>
  <phoneticPr fontId="11"/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36</vt:i4>
      </vt:variant>
    </vt:vector>
  </HeadingPairs>
  <TitlesOfParts>
    <vt:vector size="40" baseType="lpstr">
      <vt:lpstr>【調査票】　※入力シート</vt:lpstr>
      <vt:lpstr>（参考）回答例</vt:lpstr>
      <vt:lpstr>プルダウンリスト</vt:lpstr>
      <vt:lpstr>Sheet1</vt:lpstr>
      <vt:lpstr>'（参考）回答例'!Print_Area</vt:lpstr>
      <vt:lpstr>クリーニング</vt:lpstr>
      <vt:lpstr>その他</vt:lpstr>
      <vt:lpstr>その他機械器具</vt:lpstr>
      <vt:lpstr>その他物品</vt:lpstr>
      <vt:lpstr>レンタル・リース</vt:lpstr>
      <vt:lpstr>衣類・生活用品</vt:lpstr>
      <vt:lpstr>医療</vt:lpstr>
      <vt:lpstr>医療・理化学機器</vt:lpstr>
      <vt:lpstr>印刷</vt:lpstr>
      <vt:lpstr>運送・旅行</vt:lpstr>
      <vt:lpstr>家具・室内装飾</vt:lpstr>
      <vt:lpstr>企画・制作</vt:lpstr>
      <vt:lpstr>機器等保守点検</vt:lpstr>
      <vt:lpstr>給食</vt:lpstr>
      <vt:lpstr>教育・文化用品</vt:lpstr>
      <vt:lpstr>警察・消防用品</vt:lpstr>
      <vt:lpstr>警備・受付</vt:lpstr>
      <vt:lpstr>建材・資材</vt:lpstr>
      <vt:lpstr>建築設備保守点検</vt:lpstr>
      <vt:lpstr>施設管理</vt:lpstr>
      <vt:lpstr>写真・写真用品</vt:lpstr>
      <vt:lpstr>車両・船舶・航空機</vt:lpstr>
      <vt:lpstr>書籍</vt:lpstr>
      <vt:lpstr>情報・通信</vt:lpstr>
      <vt:lpstr>情報通信・電気機器</vt:lpstr>
      <vt:lpstr>食料品</vt:lpstr>
      <vt:lpstr>調査・測定</vt:lpstr>
      <vt:lpstr>動植物</vt:lpstr>
      <vt:lpstr>買受</vt:lpstr>
      <vt:lpstr>標識・広告用品</vt:lpstr>
      <vt:lpstr>物品</vt:lpstr>
      <vt:lpstr>役務</vt:lpstr>
      <vt:lpstr>薬品・衛生資材</vt:lpstr>
      <vt:lpstr>油・燃料</vt:lpstr>
      <vt:lpstr>用紙・文具・事務機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森田 ヒトミ</cp:lastModifiedBy>
  <cp:lastPrinted>2024-02-13T02:43:04Z</cp:lastPrinted>
  <dcterms:created xsi:type="dcterms:W3CDTF">2014-02-13T01:05:22Z</dcterms:created>
  <dcterms:modified xsi:type="dcterms:W3CDTF">2025-10-20T06:53:48Z</dcterms:modified>
</cp:coreProperties>
</file>